
<file path=[Content_Types].xml><?xml version="1.0" encoding="utf-8"?>
<Types xmlns="http://schemas.openxmlformats.org/package/2006/content-types">
  <Default Extension="png" ContentType="image/png"/>
  <Default Extension="svg" ContentType="image/svg+xml"/>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customXml/itemProps92.xml" ContentType="application/vnd.openxmlformats-officedocument.customXmlProperties+xml"/>
  <Override PartName="/customXml/itemProps93.xml" ContentType="application/vnd.openxmlformats-officedocument.customXmlProperties+xml"/>
  <Override PartName="/customXml/itemProps94.xml" ContentType="application/vnd.openxmlformats-officedocument.customXmlProperties+xml"/>
  <Override PartName="/customXml/itemProps95.xml" ContentType="application/vnd.openxmlformats-officedocument.customXmlProperties+xml"/>
  <Override PartName="/customXml/itemProps96.xml" ContentType="application/vnd.openxmlformats-officedocument.customXmlProperties+xml"/>
  <Override PartName="/customXml/itemProps97.xml" ContentType="application/vnd.openxmlformats-officedocument.customXmlProperties+xml"/>
  <Override PartName="/customXml/itemProps98.xml" ContentType="application/vnd.openxmlformats-officedocument.customXmlProperties+xml"/>
  <Override PartName="/customXml/itemProps99.xml" ContentType="application/vnd.openxmlformats-officedocument.customXmlProperties+xml"/>
  <Override PartName="/customXml/itemProps100.xml" ContentType="application/vnd.openxmlformats-officedocument.customXmlProperties+xml"/>
  <Override PartName="/customXml/itemProps101.xml" ContentType="application/vnd.openxmlformats-officedocument.customXmlProperties+xml"/>
  <Override PartName="/customXml/itemProps102.xml" ContentType="application/vnd.openxmlformats-officedocument.customXmlProperties+xml"/>
  <Override PartName="/customXml/itemProps103.xml" ContentType="application/vnd.openxmlformats-officedocument.customXmlProperties+xml"/>
  <Override PartName="/customXml/itemProps104.xml" ContentType="application/vnd.openxmlformats-officedocument.customXmlProperties+xml"/>
  <Override PartName="/customXml/itemProps105.xml" ContentType="application/vnd.openxmlformats-officedocument.customXmlProperties+xml"/>
  <Override PartName="/customXml/itemProps106.xml" ContentType="application/vnd.openxmlformats-officedocument.customXmlProperties+xml"/>
  <Override PartName="/customXml/itemProps107.xml" ContentType="application/vnd.openxmlformats-officedocument.customXmlProperties+xml"/>
  <Override PartName="/customXml/itemProps108.xml" ContentType="application/vnd.openxmlformats-officedocument.customXmlProperties+xml"/>
  <Override PartName="/customXml/itemProps109.xml" ContentType="application/vnd.openxmlformats-officedocument.customXmlProperties+xml"/>
  <Override PartName="/customXml/itemProps110.xml" ContentType="application/vnd.openxmlformats-officedocument.customXmlProperties+xml"/>
  <Override PartName="/customXml/itemProps111.xml" ContentType="application/vnd.openxmlformats-officedocument.customXmlProperties+xml"/>
  <Override PartName="/customXml/itemProps112.xml" ContentType="application/vnd.openxmlformats-officedocument.customXmlProperties+xml"/>
  <Override PartName="/customXml/itemProps113.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3.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changesInfos/changesInfo1.xml" ContentType="application/vnd.ms-powerpoint.changesinfo+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14"/>
    <p:sldMasterId id="2147483666" r:id="rId115"/>
  </p:sldMasterIdLst>
  <p:notesMasterIdLst>
    <p:notesMasterId r:id="rId160"/>
  </p:notesMasterIdLst>
  <p:handoutMasterIdLst>
    <p:handoutMasterId r:id="rId161"/>
  </p:handoutMasterIdLst>
  <p:sldIdLst>
    <p:sldId id="260" r:id="rId116"/>
    <p:sldId id="257" r:id="rId117"/>
    <p:sldId id="319" r:id="rId118"/>
    <p:sldId id="353" r:id="rId119"/>
    <p:sldId id="318" r:id="rId120"/>
    <p:sldId id="262" r:id="rId121"/>
    <p:sldId id="263" r:id="rId122"/>
    <p:sldId id="342" r:id="rId123"/>
    <p:sldId id="265" r:id="rId124"/>
    <p:sldId id="321" r:id="rId125"/>
    <p:sldId id="267" r:id="rId126"/>
    <p:sldId id="269" r:id="rId127"/>
    <p:sldId id="270" r:id="rId128"/>
    <p:sldId id="320" r:id="rId129"/>
    <p:sldId id="271" r:id="rId130"/>
    <p:sldId id="324" r:id="rId131"/>
    <p:sldId id="325" r:id="rId132"/>
    <p:sldId id="326" r:id="rId133"/>
    <p:sldId id="343" r:id="rId134"/>
    <p:sldId id="344" r:id="rId135"/>
    <p:sldId id="347" r:id="rId136"/>
    <p:sldId id="348" r:id="rId137"/>
    <p:sldId id="350" r:id="rId138"/>
    <p:sldId id="351" r:id="rId139"/>
    <p:sldId id="264" r:id="rId140"/>
    <p:sldId id="266" r:id="rId141"/>
    <p:sldId id="341" r:id="rId142"/>
    <p:sldId id="268" r:id="rId143"/>
    <p:sldId id="322" r:id="rId144"/>
    <p:sldId id="335" r:id="rId145"/>
    <p:sldId id="336" r:id="rId146"/>
    <p:sldId id="337" r:id="rId147"/>
    <p:sldId id="338" r:id="rId148"/>
    <p:sldId id="334" r:id="rId149"/>
    <p:sldId id="327" r:id="rId150"/>
    <p:sldId id="274" r:id="rId151"/>
    <p:sldId id="329" r:id="rId152"/>
    <p:sldId id="330" r:id="rId153"/>
    <p:sldId id="331" r:id="rId154"/>
    <p:sldId id="332" r:id="rId155"/>
    <p:sldId id="272" r:id="rId156"/>
    <p:sldId id="339" r:id="rId157"/>
    <p:sldId id="352" r:id="rId158"/>
    <p:sldId id="317" r:id="rId159"/>
  </p:sldIdLst>
  <p:sldSz cx="12190413" cy="6858000"/>
  <p:notesSz cx="6858000" cy="9144000"/>
  <p:custDataLst>
    <p:tags r:id="rId162"/>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35A2406-18CB-49C9-A431-CDCB27A543C6}" v="944" dt="2023-04-29T21:31:23.792"/>
    <p1510:client id="{2E2008D3-0990-4B34-9B37-3204DBAB6C80}" v="2919" dt="2023-04-28T08:50:16.948"/>
    <p1510:client id="{32E0505C-5FD5-43E1-9122-B2772C96E49C}" v="797" dt="2023-04-28T07:56:30.188"/>
    <p1510:client id="{44D1CCF8-832F-4989-9847-673D5ABD0723}" v="14" dt="2023-04-28T06:39:32.003"/>
    <p1510:client id="{6149230D-7132-41C9-A556-EA31A35DCE9D}" v="1296" dt="2023-04-27T14:16:03.719"/>
    <p1510:client id="{739E48D1-96D4-4FCA-AB04-BCC7716252A3}" v="2" dt="2023-04-28T06:38:50.864"/>
    <p1510:client id="{89A02AD4-412D-4070-9775-74DC3944847E}" v="2528" dt="2023-04-27T14:07:38.125"/>
    <p1510:client id="{8CB50189-0E39-4B14-9A67-9DBAA706907F}" v="1" dt="2023-05-12T11:19:37.945"/>
    <p1510:client id="{D4D3B2DA-DC32-43EB-AC0E-6A3B013D18C4}" v="253" dt="2023-04-27T13:03:04.588"/>
    <p1510:client id="{D995173D-1FCA-410E-B771-E11F135A1C27}" v="1205" dt="2023-04-28T12:37:31.214"/>
    <p1510:client id="{EDA7A7F0-2F32-44BF-8F4D-42C1AA2EAEF8}" v="1665" dt="2023-04-28T11:09:56.607"/>
    <p1510:client id="{F359388F-79FD-42C2-B5ED-ACAB15D0366C}" v="148" dt="2023-05-12T12:00:50.165"/>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65" d="100"/>
          <a:sy n="65" d="100"/>
        </p:scale>
        <p:origin x="700" y="40"/>
      </p:cViewPr>
      <p:guideLst/>
    </p:cSldViewPr>
  </p:slideViewPr>
  <p:notesTextViewPr>
    <p:cViewPr>
      <p:scale>
        <a:sx n="1" d="1"/>
        <a:sy n="1" d="1"/>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117" Type="http://schemas.openxmlformats.org/officeDocument/2006/relationships/slide" Target="slides/slide2.xml"/><Relationship Id="rId21" Type="http://schemas.openxmlformats.org/officeDocument/2006/relationships/customXml" Target="../customXml/item21.xml"/><Relationship Id="rId42" Type="http://schemas.openxmlformats.org/officeDocument/2006/relationships/customXml" Target="../customXml/item42.xml"/><Relationship Id="rId47" Type="http://schemas.openxmlformats.org/officeDocument/2006/relationships/customXml" Target="../customXml/item47.xml"/><Relationship Id="rId63" Type="http://schemas.openxmlformats.org/officeDocument/2006/relationships/customXml" Target="../customXml/item63.xml"/><Relationship Id="rId68" Type="http://schemas.openxmlformats.org/officeDocument/2006/relationships/customXml" Target="../customXml/item68.xml"/><Relationship Id="rId84" Type="http://schemas.openxmlformats.org/officeDocument/2006/relationships/customXml" Target="../customXml/item84.xml"/><Relationship Id="rId89" Type="http://schemas.openxmlformats.org/officeDocument/2006/relationships/customXml" Target="../customXml/item89.xml"/><Relationship Id="rId112" Type="http://schemas.openxmlformats.org/officeDocument/2006/relationships/customXml" Target="../customXml/item112.xml"/><Relationship Id="rId133" Type="http://schemas.openxmlformats.org/officeDocument/2006/relationships/slide" Target="slides/slide18.xml"/><Relationship Id="rId138" Type="http://schemas.openxmlformats.org/officeDocument/2006/relationships/slide" Target="slides/slide23.xml"/><Relationship Id="rId154" Type="http://schemas.openxmlformats.org/officeDocument/2006/relationships/slide" Target="slides/slide39.xml"/><Relationship Id="rId159" Type="http://schemas.openxmlformats.org/officeDocument/2006/relationships/slide" Target="slides/slide44.xml"/><Relationship Id="rId16" Type="http://schemas.openxmlformats.org/officeDocument/2006/relationships/customXml" Target="../customXml/item16.xml"/><Relationship Id="rId107" Type="http://schemas.openxmlformats.org/officeDocument/2006/relationships/customXml" Target="../customXml/item10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customXml" Target="../customXml/item102.xml"/><Relationship Id="rId123" Type="http://schemas.openxmlformats.org/officeDocument/2006/relationships/slide" Target="slides/slide8.xml"/><Relationship Id="rId128" Type="http://schemas.openxmlformats.org/officeDocument/2006/relationships/slide" Target="slides/slide13.xml"/><Relationship Id="rId144" Type="http://schemas.openxmlformats.org/officeDocument/2006/relationships/slide" Target="slides/slide29.xml"/><Relationship Id="rId149" Type="http://schemas.openxmlformats.org/officeDocument/2006/relationships/slide" Target="slides/slide34.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customXml" Target="../customXml/item95.xml"/><Relationship Id="rId160" Type="http://schemas.openxmlformats.org/officeDocument/2006/relationships/notesMaster" Target="notesMasters/notesMaster1.xml"/><Relationship Id="rId165" Type="http://schemas.openxmlformats.org/officeDocument/2006/relationships/theme" Target="theme/theme1.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customXml" Target="../customXml/item113.xml"/><Relationship Id="rId118" Type="http://schemas.openxmlformats.org/officeDocument/2006/relationships/slide" Target="slides/slide3.xml"/><Relationship Id="rId134" Type="http://schemas.openxmlformats.org/officeDocument/2006/relationships/slide" Target="slides/slide19.xml"/><Relationship Id="rId139" Type="http://schemas.openxmlformats.org/officeDocument/2006/relationships/slide" Target="slides/slide24.xml"/><Relationship Id="rId80" Type="http://schemas.openxmlformats.org/officeDocument/2006/relationships/customXml" Target="../customXml/item80.xml"/><Relationship Id="rId85" Type="http://schemas.openxmlformats.org/officeDocument/2006/relationships/customXml" Target="../customXml/item85.xml"/><Relationship Id="rId150" Type="http://schemas.openxmlformats.org/officeDocument/2006/relationships/slide" Target="slides/slide35.xml"/><Relationship Id="rId155" Type="http://schemas.openxmlformats.org/officeDocument/2006/relationships/slide" Target="slides/slide40.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customXml" Target="../customXml/item103.xml"/><Relationship Id="rId108" Type="http://schemas.openxmlformats.org/officeDocument/2006/relationships/customXml" Target="../customXml/item108.xml"/><Relationship Id="rId124" Type="http://schemas.openxmlformats.org/officeDocument/2006/relationships/slide" Target="slides/slide9.xml"/><Relationship Id="rId129" Type="http://schemas.openxmlformats.org/officeDocument/2006/relationships/slide" Target="slides/slide14.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customXml" Target="../customXml/item96.xml"/><Relationship Id="rId140" Type="http://schemas.openxmlformats.org/officeDocument/2006/relationships/slide" Target="slides/slide25.xml"/><Relationship Id="rId145" Type="http://schemas.openxmlformats.org/officeDocument/2006/relationships/slide" Target="slides/slide30.xml"/><Relationship Id="rId161" Type="http://schemas.openxmlformats.org/officeDocument/2006/relationships/handoutMaster" Target="handoutMasters/handoutMaster1.xml"/><Relationship Id="rId166"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customXml" Target="../customXml/item49.xml"/><Relationship Id="rId57" Type="http://schemas.openxmlformats.org/officeDocument/2006/relationships/customXml" Target="../customXml/item57.xml"/><Relationship Id="rId106" Type="http://schemas.openxmlformats.org/officeDocument/2006/relationships/customXml" Target="../customXml/item106.xml"/><Relationship Id="rId114" Type="http://schemas.openxmlformats.org/officeDocument/2006/relationships/slideMaster" Target="slideMasters/slideMaster1.xml"/><Relationship Id="rId119" Type="http://schemas.openxmlformats.org/officeDocument/2006/relationships/slide" Target="slides/slide4.xml"/><Relationship Id="rId127" Type="http://schemas.openxmlformats.org/officeDocument/2006/relationships/slide" Target="slides/slide12.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customXml" Target="../customXml/item52.xml"/><Relationship Id="rId60" Type="http://schemas.openxmlformats.org/officeDocument/2006/relationships/customXml" Target="../customXml/item60.xml"/><Relationship Id="rId65" Type="http://schemas.openxmlformats.org/officeDocument/2006/relationships/customXml" Target="../customXml/item65.xml"/><Relationship Id="rId73" Type="http://schemas.openxmlformats.org/officeDocument/2006/relationships/customXml" Target="../customXml/item73.xml"/><Relationship Id="rId78" Type="http://schemas.openxmlformats.org/officeDocument/2006/relationships/customXml" Target="../customXml/item78.xml"/><Relationship Id="rId81" Type="http://schemas.openxmlformats.org/officeDocument/2006/relationships/customXml" Target="../customXml/item81.xml"/><Relationship Id="rId86" Type="http://schemas.openxmlformats.org/officeDocument/2006/relationships/customXml" Target="../customXml/item86.xml"/><Relationship Id="rId94" Type="http://schemas.openxmlformats.org/officeDocument/2006/relationships/customXml" Target="../customXml/item94.xml"/><Relationship Id="rId99" Type="http://schemas.openxmlformats.org/officeDocument/2006/relationships/customXml" Target="../customXml/item99.xml"/><Relationship Id="rId101" Type="http://schemas.openxmlformats.org/officeDocument/2006/relationships/customXml" Target="../customXml/item101.xml"/><Relationship Id="rId122" Type="http://schemas.openxmlformats.org/officeDocument/2006/relationships/slide" Target="slides/slide7.xml"/><Relationship Id="rId130" Type="http://schemas.openxmlformats.org/officeDocument/2006/relationships/slide" Target="slides/slide15.xml"/><Relationship Id="rId135" Type="http://schemas.openxmlformats.org/officeDocument/2006/relationships/slide" Target="slides/slide20.xml"/><Relationship Id="rId143" Type="http://schemas.openxmlformats.org/officeDocument/2006/relationships/slide" Target="slides/slide28.xml"/><Relationship Id="rId148" Type="http://schemas.openxmlformats.org/officeDocument/2006/relationships/slide" Target="slides/slide33.xml"/><Relationship Id="rId151" Type="http://schemas.openxmlformats.org/officeDocument/2006/relationships/slide" Target="slides/slide36.xml"/><Relationship Id="rId156" Type="http://schemas.openxmlformats.org/officeDocument/2006/relationships/slide" Target="slides/slide41.xml"/><Relationship Id="rId164"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customXml" Target="../customXml/item10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customXml" Target="../customXml/item97.xml"/><Relationship Id="rId104" Type="http://schemas.openxmlformats.org/officeDocument/2006/relationships/customXml" Target="../customXml/item104.xml"/><Relationship Id="rId120" Type="http://schemas.openxmlformats.org/officeDocument/2006/relationships/slide" Target="slides/slide5.xml"/><Relationship Id="rId125" Type="http://schemas.openxmlformats.org/officeDocument/2006/relationships/slide" Target="slides/slide10.xml"/><Relationship Id="rId141" Type="http://schemas.openxmlformats.org/officeDocument/2006/relationships/slide" Target="slides/slide26.xml"/><Relationship Id="rId146" Type="http://schemas.openxmlformats.org/officeDocument/2006/relationships/slide" Target="slides/slide31.xml"/><Relationship Id="rId167" Type="http://schemas.microsoft.com/office/2016/11/relationships/changesInfo" Target="changesInfos/changesInfo1.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customXml" Target="../customXml/item92.xml"/><Relationship Id="rId162" Type="http://schemas.openxmlformats.org/officeDocument/2006/relationships/tags" Target="tags/tag1.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customXml" Target="../customXml/item110.xml"/><Relationship Id="rId115" Type="http://schemas.openxmlformats.org/officeDocument/2006/relationships/slideMaster" Target="slideMasters/slideMaster2.xml"/><Relationship Id="rId131" Type="http://schemas.openxmlformats.org/officeDocument/2006/relationships/slide" Target="slides/slide16.xml"/><Relationship Id="rId136" Type="http://schemas.openxmlformats.org/officeDocument/2006/relationships/slide" Target="slides/slide21.xml"/><Relationship Id="rId157" Type="http://schemas.openxmlformats.org/officeDocument/2006/relationships/slide" Target="slides/slide42.xml"/><Relationship Id="rId61" Type="http://schemas.openxmlformats.org/officeDocument/2006/relationships/customXml" Target="../customXml/item61.xml"/><Relationship Id="rId82" Type="http://schemas.openxmlformats.org/officeDocument/2006/relationships/customXml" Target="../customXml/item82.xml"/><Relationship Id="rId152" Type="http://schemas.openxmlformats.org/officeDocument/2006/relationships/slide" Target="slides/slide37.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customXml" Target="../customXml/item100.xml"/><Relationship Id="rId105" Type="http://schemas.openxmlformats.org/officeDocument/2006/relationships/customXml" Target="../customXml/item105.xml"/><Relationship Id="rId126" Type="http://schemas.openxmlformats.org/officeDocument/2006/relationships/slide" Target="slides/slide11.xml"/><Relationship Id="rId147" Type="http://schemas.openxmlformats.org/officeDocument/2006/relationships/slide" Target="slides/slide32.xml"/><Relationship Id="rId168"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customXml" Target="../customXml/item93.xml"/><Relationship Id="rId98" Type="http://schemas.openxmlformats.org/officeDocument/2006/relationships/customXml" Target="../customXml/item98.xml"/><Relationship Id="rId121" Type="http://schemas.openxmlformats.org/officeDocument/2006/relationships/slide" Target="slides/slide6.xml"/><Relationship Id="rId142" Type="http://schemas.openxmlformats.org/officeDocument/2006/relationships/slide" Target="slides/slide27.xml"/><Relationship Id="rId163" Type="http://schemas.openxmlformats.org/officeDocument/2006/relationships/presProps" Target="presProps.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1.xml"/><Relationship Id="rId137" Type="http://schemas.openxmlformats.org/officeDocument/2006/relationships/slide" Target="slides/slide22.xml"/><Relationship Id="rId158" Type="http://schemas.openxmlformats.org/officeDocument/2006/relationships/slide" Target="slides/slide43.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customXml" Target="../customXml/item111.xml"/><Relationship Id="rId132" Type="http://schemas.openxmlformats.org/officeDocument/2006/relationships/slide" Target="slides/slide17.xml"/><Relationship Id="rId153" Type="http://schemas.openxmlformats.org/officeDocument/2006/relationships/slide" Target="slides/slide38.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Niamh Lacy-Roberts" userId="S::nlac_food.dtu.dk#ext#@dksund.onmicrosoft.com::d7748471-4d7b-47f1-ac78-98f12b5c1655" providerId="AD" clId="Web-{235A2406-18CB-49C9-A431-CDCB27A543C6}"/>
    <pc:docChg chg="addSld delSld modSld">
      <pc:chgData name="Niamh Lacy-Roberts" userId="S::nlac_food.dtu.dk#ext#@dksund.onmicrosoft.com::d7748471-4d7b-47f1-ac78-98f12b5c1655" providerId="AD" clId="Web-{235A2406-18CB-49C9-A431-CDCB27A543C6}" dt="2023-04-29T21:29:00.433" v="723" actId="20577"/>
      <pc:docMkLst>
        <pc:docMk/>
      </pc:docMkLst>
      <pc:sldChg chg="modSp">
        <pc:chgData name="Niamh Lacy-Roberts" userId="S::nlac_food.dtu.dk#ext#@dksund.onmicrosoft.com::d7748471-4d7b-47f1-ac78-98f12b5c1655" providerId="AD" clId="Web-{235A2406-18CB-49C9-A431-CDCB27A543C6}" dt="2023-04-29T21:28:35.136" v="713" actId="20577"/>
        <pc:sldMkLst>
          <pc:docMk/>
          <pc:sldMk cId="793461123" sldId="267"/>
        </pc:sldMkLst>
        <pc:spChg chg="mod">
          <ac:chgData name="Niamh Lacy-Roberts" userId="S::nlac_food.dtu.dk#ext#@dksund.onmicrosoft.com::d7748471-4d7b-47f1-ac78-98f12b5c1655" providerId="AD" clId="Web-{235A2406-18CB-49C9-A431-CDCB27A543C6}" dt="2023-04-29T21:28:35.136" v="713" actId="20577"/>
          <ac:spMkLst>
            <pc:docMk/>
            <pc:sldMk cId="793461123" sldId="267"/>
            <ac:spMk id="6" creationId="{5A5890CD-8F90-4FE7-841F-F7B0C2865BA2}"/>
          </ac:spMkLst>
        </pc:spChg>
      </pc:sldChg>
      <pc:sldChg chg="addSp modSp">
        <pc:chgData name="Niamh Lacy-Roberts" userId="S::nlac_food.dtu.dk#ext#@dksund.onmicrosoft.com::d7748471-4d7b-47f1-ac78-98f12b5c1655" providerId="AD" clId="Web-{235A2406-18CB-49C9-A431-CDCB27A543C6}" dt="2023-04-28T08:09:25.342" v="131" actId="1076"/>
        <pc:sldMkLst>
          <pc:docMk/>
          <pc:sldMk cId="513332782" sldId="324"/>
        </pc:sldMkLst>
        <pc:spChg chg="add mod">
          <ac:chgData name="Niamh Lacy-Roberts" userId="S::nlac_food.dtu.dk#ext#@dksund.onmicrosoft.com::d7748471-4d7b-47f1-ac78-98f12b5c1655" providerId="AD" clId="Web-{235A2406-18CB-49C9-A431-CDCB27A543C6}" dt="2023-04-28T08:04:29.075" v="46" actId="1076"/>
          <ac:spMkLst>
            <pc:docMk/>
            <pc:sldMk cId="513332782" sldId="324"/>
            <ac:spMk id="2" creationId="{81164795-C457-A911-A326-A68A9239F9E9}"/>
          </ac:spMkLst>
        </pc:spChg>
        <pc:spChg chg="add mod">
          <ac:chgData name="Niamh Lacy-Roberts" userId="S::nlac_food.dtu.dk#ext#@dksund.onmicrosoft.com::d7748471-4d7b-47f1-ac78-98f12b5c1655" providerId="AD" clId="Web-{235A2406-18CB-49C9-A431-CDCB27A543C6}" dt="2023-04-28T08:06:33.701" v="65" actId="14100"/>
          <ac:spMkLst>
            <pc:docMk/>
            <pc:sldMk cId="513332782" sldId="324"/>
            <ac:spMk id="3" creationId="{9FE8181D-79C7-05CC-2066-1A0D4FC9A6F2}"/>
          </ac:spMkLst>
        </pc:spChg>
        <pc:spChg chg="add mod">
          <ac:chgData name="Niamh Lacy-Roberts" userId="S::nlac_food.dtu.dk#ext#@dksund.onmicrosoft.com::d7748471-4d7b-47f1-ac78-98f12b5c1655" providerId="AD" clId="Web-{235A2406-18CB-49C9-A431-CDCB27A543C6}" dt="2023-04-28T08:07:22.748" v="88" actId="1076"/>
          <ac:spMkLst>
            <pc:docMk/>
            <pc:sldMk cId="513332782" sldId="324"/>
            <ac:spMk id="6" creationId="{EF12CC1D-C788-B6F4-B829-A30D1C1ACC2D}"/>
          </ac:spMkLst>
        </pc:spChg>
        <pc:spChg chg="add mod">
          <ac:chgData name="Niamh Lacy-Roberts" userId="S::nlac_food.dtu.dk#ext#@dksund.onmicrosoft.com::d7748471-4d7b-47f1-ac78-98f12b5c1655" providerId="AD" clId="Web-{235A2406-18CB-49C9-A431-CDCB27A543C6}" dt="2023-04-28T08:07:57.092" v="108" actId="20577"/>
          <ac:spMkLst>
            <pc:docMk/>
            <pc:sldMk cId="513332782" sldId="324"/>
            <ac:spMk id="7" creationId="{54334A07-C44E-7701-4D58-C2289E10A8AE}"/>
          </ac:spMkLst>
        </pc:spChg>
        <pc:spChg chg="add mod">
          <ac:chgData name="Niamh Lacy-Roberts" userId="S::nlac_food.dtu.dk#ext#@dksund.onmicrosoft.com::d7748471-4d7b-47f1-ac78-98f12b5c1655" providerId="AD" clId="Web-{235A2406-18CB-49C9-A431-CDCB27A543C6}" dt="2023-04-28T08:09:25.342" v="131" actId="1076"/>
          <ac:spMkLst>
            <pc:docMk/>
            <pc:sldMk cId="513332782" sldId="324"/>
            <ac:spMk id="10" creationId="{A6BBC633-6E95-1476-2DA7-3281B3A56A39}"/>
          </ac:spMkLst>
        </pc:spChg>
        <pc:spChg chg="mod">
          <ac:chgData name="Niamh Lacy-Roberts" userId="S::nlac_food.dtu.dk#ext#@dksund.onmicrosoft.com::d7748471-4d7b-47f1-ac78-98f12b5c1655" providerId="AD" clId="Web-{235A2406-18CB-49C9-A431-CDCB27A543C6}" dt="2023-04-28T08:03:00.934" v="0" actId="1076"/>
          <ac:spMkLst>
            <pc:docMk/>
            <pc:sldMk cId="513332782" sldId="324"/>
            <ac:spMk id="94" creationId="{F1121975-CA8B-C384-228C-C6A74A97F247}"/>
          </ac:spMkLst>
        </pc:spChg>
        <pc:spChg chg="mod">
          <ac:chgData name="Niamh Lacy-Roberts" userId="S::nlac_food.dtu.dk#ext#@dksund.onmicrosoft.com::d7748471-4d7b-47f1-ac78-98f12b5c1655" providerId="AD" clId="Web-{235A2406-18CB-49C9-A431-CDCB27A543C6}" dt="2023-04-28T08:03:04.684" v="1" actId="1076"/>
          <ac:spMkLst>
            <pc:docMk/>
            <pc:sldMk cId="513332782" sldId="324"/>
            <ac:spMk id="95" creationId="{4C89AAC6-23AE-2CC8-9527-8FE10CC59391}"/>
          </ac:spMkLst>
        </pc:spChg>
        <pc:cxnChg chg="add mod">
          <ac:chgData name="Niamh Lacy-Roberts" userId="S::nlac_food.dtu.dk#ext#@dksund.onmicrosoft.com::d7748471-4d7b-47f1-ac78-98f12b5c1655" providerId="AD" clId="Web-{235A2406-18CB-49C9-A431-CDCB27A543C6}" dt="2023-04-28T08:06:54.842" v="70" actId="14100"/>
          <ac:cxnSpMkLst>
            <pc:docMk/>
            <pc:sldMk cId="513332782" sldId="324"/>
            <ac:cxnSpMk id="5" creationId="{1568846B-8209-1152-87BA-8ECAF90AA8A8}"/>
          </ac:cxnSpMkLst>
        </pc:cxnChg>
        <pc:cxnChg chg="add mod">
          <ac:chgData name="Niamh Lacy-Roberts" userId="S::nlac_food.dtu.dk#ext#@dksund.onmicrosoft.com::d7748471-4d7b-47f1-ac78-98f12b5c1655" providerId="AD" clId="Web-{235A2406-18CB-49C9-A431-CDCB27A543C6}" dt="2023-04-28T08:08:26.451" v="113" actId="14100"/>
          <ac:cxnSpMkLst>
            <pc:docMk/>
            <pc:sldMk cId="513332782" sldId="324"/>
            <ac:cxnSpMk id="8" creationId="{72DED261-F098-2993-8E30-E7D23FBCA8CF}"/>
          </ac:cxnSpMkLst>
        </pc:cxnChg>
        <pc:cxnChg chg="add mod">
          <ac:chgData name="Niamh Lacy-Roberts" userId="S::nlac_food.dtu.dk#ext#@dksund.onmicrosoft.com::d7748471-4d7b-47f1-ac78-98f12b5c1655" providerId="AD" clId="Web-{235A2406-18CB-49C9-A431-CDCB27A543C6}" dt="2023-04-28T08:08:49.842" v="118" actId="14100"/>
          <ac:cxnSpMkLst>
            <pc:docMk/>
            <pc:sldMk cId="513332782" sldId="324"/>
            <ac:cxnSpMk id="9" creationId="{23D0205F-AE91-1BAB-2D0F-97D4E340BBC8}"/>
          </ac:cxnSpMkLst>
        </pc:cxnChg>
      </pc:sldChg>
      <pc:sldChg chg="modSp">
        <pc:chgData name="Niamh Lacy-Roberts" userId="S::nlac_food.dtu.dk#ext#@dksund.onmicrosoft.com::d7748471-4d7b-47f1-ac78-98f12b5c1655" providerId="AD" clId="Web-{235A2406-18CB-49C9-A431-CDCB27A543C6}" dt="2023-04-29T21:29:00.433" v="723" actId="20577"/>
        <pc:sldMkLst>
          <pc:docMk/>
          <pc:sldMk cId="2862148383" sldId="325"/>
        </pc:sldMkLst>
        <pc:spChg chg="mod">
          <ac:chgData name="Niamh Lacy-Roberts" userId="S::nlac_food.dtu.dk#ext#@dksund.onmicrosoft.com::d7748471-4d7b-47f1-ac78-98f12b5c1655" providerId="AD" clId="Web-{235A2406-18CB-49C9-A431-CDCB27A543C6}" dt="2023-04-29T21:29:00.433" v="723" actId="20577"/>
          <ac:spMkLst>
            <pc:docMk/>
            <pc:sldMk cId="2862148383" sldId="325"/>
            <ac:spMk id="3" creationId="{CD83F880-8492-319B-457F-021DD666D181}"/>
          </ac:spMkLst>
        </pc:spChg>
      </pc:sldChg>
      <pc:sldChg chg="addSp delSp modSp new">
        <pc:chgData name="Niamh Lacy-Roberts" userId="S::nlac_food.dtu.dk#ext#@dksund.onmicrosoft.com::d7748471-4d7b-47f1-ac78-98f12b5c1655" providerId="AD" clId="Web-{235A2406-18CB-49C9-A431-CDCB27A543C6}" dt="2023-04-29T21:27:34.870" v="702" actId="20577"/>
        <pc:sldMkLst>
          <pc:docMk/>
          <pc:sldMk cId="2209086295" sldId="326"/>
        </pc:sldMkLst>
        <pc:spChg chg="mod">
          <ac:chgData name="Niamh Lacy-Roberts" userId="S::nlac_food.dtu.dk#ext#@dksund.onmicrosoft.com::d7748471-4d7b-47f1-ac78-98f12b5c1655" providerId="AD" clId="Web-{235A2406-18CB-49C9-A431-CDCB27A543C6}" dt="2023-04-28T08:12:29.062" v="374" actId="20577"/>
          <ac:spMkLst>
            <pc:docMk/>
            <pc:sldMk cId="2209086295" sldId="326"/>
            <ac:spMk id="2" creationId="{DFA64BBB-DEEA-8DCA-D79B-AF3414F1C17A}"/>
          </ac:spMkLst>
        </pc:spChg>
        <pc:spChg chg="del">
          <ac:chgData name="Niamh Lacy-Roberts" userId="S::nlac_food.dtu.dk#ext#@dksund.onmicrosoft.com::d7748471-4d7b-47f1-ac78-98f12b5c1655" providerId="AD" clId="Web-{235A2406-18CB-49C9-A431-CDCB27A543C6}" dt="2023-04-29T21:07:41.885" v="389"/>
          <ac:spMkLst>
            <pc:docMk/>
            <pc:sldMk cId="2209086295" sldId="326"/>
            <ac:spMk id="3" creationId="{55F592B1-7598-7838-32B9-9B5A6A33C909}"/>
          </ac:spMkLst>
        </pc:spChg>
        <pc:spChg chg="add mod">
          <ac:chgData name="Niamh Lacy-Roberts" userId="S::nlac_food.dtu.dk#ext#@dksund.onmicrosoft.com::d7748471-4d7b-47f1-ac78-98f12b5c1655" providerId="AD" clId="Web-{235A2406-18CB-49C9-A431-CDCB27A543C6}" dt="2023-04-29T21:09:02.526" v="413" actId="1076"/>
          <ac:spMkLst>
            <pc:docMk/>
            <pc:sldMk cId="2209086295" sldId="326"/>
            <ac:spMk id="5" creationId="{8E84ACBE-C8BA-8623-512D-A02C88389AA8}"/>
          </ac:spMkLst>
        </pc:spChg>
        <pc:spChg chg="add mod">
          <ac:chgData name="Niamh Lacy-Roberts" userId="S::nlac_food.dtu.dk#ext#@dksund.onmicrosoft.com::d7748471-4d7b-47f1-ac78-98f12b5c1655" providerId="AD" clId="Web-{235A2406-18CB-49C9-A431-CDCB27A543C6}" dt="2023-04-29T21:08:57.605" v="412" actId="1076"/>
          <ac:spMkLst>
            <pc:docMk/>
            <pc:sldMk cId="2209086295" sldId="326"/>
            <ac:spMk id="6" creationId="{7952181E-CA18-1706-A6E1-BE0874CF12CE}"/>
          </ac:spMkLst>
        </pc:spChg>
        <pc:spChg chg="add mod">
          <ac:chgData name="Niamh Lacy-Roberts" userId="S::nlac_food.dtu.dk#ext#@dksund.onmicrosoft.com::d7748471-4d7b-47f1-ac78-98f12b5c1655" providerId="AD" clId="Web-{235A2406-18CB-49C9-A431-CDCB27A543C6}" dt="2023-04-29T21:14:51.814" v="523" actId="14100"/>
          <ac:spMkLst>
            <pc:docMk/>
            <pc:sldMk cId="2209086295" sldId="326"/>
            <ac:spMk id="8" creationId="{066B7D28-545F-5093-E065-89B9A9ACD966}"/>
          </ac:spMkLst>
        </pc:spChg>
        <pc:spChg chg="add mod">
          <ac:chgData name="Niamh Lacy-Roberts" userId="S::nlac_food.dtu.dk#ext#@dksund.onmicrosoft.com::d7748471-4d7b-47f1-ac78-98f12b5c1655" providerId="AD" clId="Web-{235A2406-18CB-49C9-A431-CDCB27A543C6}" dt="2023-04-29T21:15:05.674" v="527" actId="14100"/>
          <ac:spMkLst>
            <pc:docMk/>
            <pc:sldMk cId="2209086295" sldId="326"/>
            <ac:spMk id="9" creationId="{FBA5FAC9-DF35-7027-5300-97C21807F476}"/>
          </ac:spMkLst>
        </pc:spChg>
        <pc:spChg chg="add mod">
          <ac:chgData name="Niamh Lacy-Roberts" userId="S::nlac_food.dtu.dk#ext#@dksund.onmicrosoft.com::d7748471-4d7b-47f1-ac78-98f12b5c1655" providerId="AD" clId="Web-{235A2406-18CB-49C9-A431-CDCB27A543C6}" dt="2023-04-29T21:15:03.783" v="526" actId="14100"/>
          <ac:spMkLst>
            <pc:docMk/>
            <pc:sldMk cId="2209086295" sldId="326"/>
            <ac:spMk id="10" creationId="{8E4E7794-C554-3DB2-C24E-901D06313717}"/>
          </ac:spMkLst>
        </pc:spChg>
        <pc:spChg chg="add mod">
          <ac:chgData name="Niamh Lacy-Roberts" userId="S::nlac_food.dtu.dk#ext#@dksund.onmicrosoft.com::d7748471-4d7b-47f1-ac78-98f12b5c1655" providerId="AD" clId="Web-{235A2406-18CB-49C9-A431-CDCB27A543C6}" dt="2023-04-29T21:12:43.298" v="469" actId="1076"/>
          <ac:spMkLst>
            <pc:docMk/>
            <pc:sldMk cId="2209086295" sldId="326"/>
            <ac:spMk id="11" creationId="{842BEBED-E9C5-F740-F698-4B31B96B1AE6}"/>
          </ac:spMkLst>
        </pc:spChg>
        <pc:spChg chg="add mod">
          <ac:chgData name="Niamh Lacy-Roberts" userId="S::nlac_food.dtu.dk#ext#@dksund.onmicrosoft.com::d7748471-4d7b-47f1-ac78-98f12b5c1655" providerId="AD" clId="Web-{235A2406-18CB-49C9-A431-CDCB27A543C6}" dt="2023-04-29T21:12:21.392" v="468" actId="14100"/>
          <ac:spMkLst>
            <pc:docMk/>
            <pc:sldMk cId="2209086295" sldId="326"/>
            <ac:spMk id="12" creationId="{279AC5A2-73EE-97F8-EBB5-CDB0C8E204DC}"/>
          </ac:spMkLst>
        </pc:spChg>
        <pc:spChg chg="add mod">
          <ac:chgData name="Niamh Lacy-Roberts" userId="S::nlac_food.dtu.dk#ext#@dksund.onmicrosoft.com::d7748471-4d7b-47f1-ac78-98f12b5c1655" providerId="AD" clId="Web-{235A2406-18CB-49C9-A431-CDCB27A543C6}" dt="2023-04-29T21:19:43.462" v="589" actId="1076"/>
          <ac:spMkLst>
            <pc:docMk/>
            <pc:sldMk cId="2209086295" sldId="326"/>
            <ac:spMk id="13" creationId="{41B20228-3522-28B5-25A2-C50A9C9E9E3B}"/>
          </ac:spMkLst>
        </pc:spChg>
        <pc:spChg chg="add mod">
          <ac:chgData name="Niamh Lacy-Roberts" userId="S::nlac_food.dtu.dk#ext#@dksund.onmicrosoft.com::d7748471-4d7b-47f1-ac78-98f12b5c1655" providerId="AD" clId="Web-{235A2406-18CB-49C9-A431-CDCB27A543C6}" dt="2023-04-29T21:20:20.028" v="610" actId="1076"/>
          <ac:spMkLst>
            <pc:docMk/>
            <pc:sldMk cId="2209086295" sldId="326"/>
            <ac:spMk id="14" creationId="{9FE6E2AF-F7F8-2C47-187F-4D87A4B9F206}"/>
          </ac:spMkLst>
        </pc:spChg>
        <pc:spChg chg="add mod">
          <ac:chgData name="Niamh Lacy-Roberts" userId="S::nlac_food.dtu.dk#ext#@dksund.onmicrosoft.com::d7748471-4d7b-47f1-ac78-98f12b5c1655" providerId="AD" clId="Web-{235A2406-18CB-49C9-A431-CDCB27A543C6}" dt="2023-04-29T21:20:10.494" v="603" actId="1076"/>
          <ac:spMkLst>
            <pc:docMk/>
            <pc:sldMk cId="2209086295" sldId="326"/>
            <ac:spMk id="15" creationId="{48BA5C05-3511-901B-9332-FD46B6FD3E79}"/>
          </ac:spMkLst>
        </pc:spChg>
        <pc:spChg chg="add mod">
          <ac:chgData name="Niamh Lacy-Roberts" userId="S::nlac_food.dtu.dk#ext#@dksund.onmicrosoft.com::d7748471-4d7b-47f1-ac78-98f12b5c1655" providerId="AD" clId="Web-{235A2406-18CB-49C9-A431-CDCB27A543C6}" dt="2023-04-29T21:19:56.306" v="595" actId="1076"/>
          <ac:spMkLst>
            <pc:docMk/>
            <pc:sldMk cId="2209086295" sldId="326"/>
            <ac:spMk id="16" creationId="{DF5A3A4C-C80A-1501-FB22-3F6B662EFCEB}"/>
          </ac:spMkLst>
        </pc:spChg>
        <pc:spChg chg="add del mod">
          <ac:chgData name="Niamh Lacy-Roberts" userId="S::nlac_food.dtu.dk#ext#@dksund.onmicrosoft.com::d7748471-4d7b-47f1-ac78-98f12b5c1655" providerId="AD" clId="Web-{235A2406-18CB-49C9-A431-CDCB27A543C6}" dt="2023-04-29T21:16:22.895" v="541"/>
          <ac:spMkLst>
            <pc:docMk/>
            <pc:sldMk cId="2209086295" sldId="326"/>
            <ac:spMk id="17" creationId="{934C26D4-30A8-8C98-3B7F-BA4584F327F0}"/>
          </ac:spMkLst>
        </pc:spChg>
        <pc:spChg chg="add del mod">
          <ac:chgData name="Niamh Lacy-Roberts" userId="S::nlac_food.dtu.dk#ext#@dksund.onmicrosoft.com::d7748471-4d7b-47f1-ac78-98f12b5c1655" providerId="AD" clId="Web-{235A2406-18CB-49C9-A431-CDCB27A543C6}" dt="2023-04-29T21:16:23.941" v="542"/>
          <ac:spMkLst>
            <pc:docMk/>
            <pc:sldMk cId="2209086295" sldId="326"/>
            <ac:spMk id="18" creationId="{A2D20B02-BEC8-3D93-3A3C-67E963883518}"/>
          </ac:spMkLst>
        </pc:spChg>
        <pc:spChg chg="add del mod">
          <ac:chgData name="Niamh Lacy-Roberts" userId="S::nlac_food.dtu.dk#ext#@dksund.onmicrosoft.com::d7748471-4d7b-47f1-ac78-98f12b5c1655" providerId="AD" clId="Web-{235A2406-18CB-49C9-A431-CDCB27A543C6}" dt="2023-04-29T21:16:27.184" v="543"/>
          <ac:spMkLst>
            <pc:docMk/>
            <pc:sldMk cId="2209086295" sldId="326"/>
            <ac:spMk id="19" creationId="{1D377C2E-2A99-10FA-8DA1-47CA6DC15CEB}"/>
          </ac:spMkLst>
        </pc:spChg>
        <pc:spChg chg="add del mod">
          <ac:chgData name="Niamh Lacy-Roberts" userId="S::nlac_food.dtu.dk#ext#@dksund.onmicrosoft.com::d7748471-4d7b-47f1-ac78-98f12b5c1655" providerId="AD" clId="Web-{235A2406-18CB-49C9-A431-CDCB27A543C6}" dt="2023-04-29T21:18:04.700" v="562"/>
          <ac:spMkLst>
            <pc:docMk/>
            <pc:sldMk cId="2209086295" sldId="326"/>
            <ac:spMk id="24" creationId="{3D4CC378-E788-AF2F-4353-17A5FCEBEA81}"/>
          </ac:spMkLst>
        </pc:spChg>
        <pc:spChg chg="add mod">
          <ac:chgData name="Niamh Lacy-Roberts" userId="S::nlac_food.dtu.dk#ext#@dksund.onmicrosoft.com::d7748471-4d7b-47f1-ac78-98f12b5c1655" providerId="AD" clId="Web-{235A2406-18CB-49C9-A431-CDCB27A543C6}" dt="2023-04-29T21:27:34.870" v="702" actId="20577"/>
          <ac:spMkLst>
            <pc:docMk/>
            <pc:sldMk cId="2209086295" sldId="326"/>
            <ac:spMk id="30" creationId="{BC986024-DEFF-55E4-3492-E576A4222FD5}"/>
          </ac:spMkLst>
        </pc:spChg>
        <pc:picChg chg="add mod">
          <ac:chgData name="Niamh Lacy-Roberts" userId="S::nlac_food.dtu.dk#ext#@dksund.onmicrosoft.com::d7748471-4d7b-47f1-ac78-98f12b5c1655" providerId="AD" clId="Web-{235A2406-18CB-49C9-A431-CDCB27A543C6}" dt="2023-04-29T21:10:17.561" v="416" actId="1076"/>
          <ac:picMkLst>
            <pc:docMk/>
            <pc:sldMk cId="2209086295" sldId="326"/>
            <ac:picMk id="7" creationId="{3A50C7FF-B761-2858-7182-54AF46541BF4}"/>
          </ac:picMkLst>
        </pc:picChg>
        <pc:picChg chg="add mod">
          <ac:chgData name="Niamh Lacy-Roberts" userId="S::nlac_food.dtu.dk#ext#@dksund.onmicrosoft.com::d7748471-4d7b-47f1-ac78-98f12b5c1655" providerId="AD" clId="Web-{235A2406-18CB-49C9-A431-CDCB27A543C6}" dt="2023-04-29T21:17:26.075" v="556"/>
          <ac:picMkLst>
            <pc:docMk/>
            <pc:sldMk cId="2209086295" sldId="326"/>
            <ac:picMk id="20" creationId="{D8344CBF-03F5-C591-33C6-449565BA02E5}"/>
          </ac:picMkLst>
        </pc:picChg>
        <pc:picChg chg="add mod">
          <ac:chgData name="Niamh Lacy-Roberts" userId="S::nlac_food.dtu.dk#ext#@dksund.onmicrosoft.com::d7748471-4d7b-47f1-ac78-98f12b5c1655" providerId="AD" clId="Web-{235A2406-18CB-49C9-A431-CDCB27A543C6}" dt="2023-04-29T21:17:36.653" v="557"/>
          <ac:picMkLst>
            <pc:docMk/>
            <pc:sldMk cId="2209086295" sldId="326"/>
            <ac:picMk id="21" creationId="{9E1126F4-7A3E-09A2-E815-98265E313904}"/>
          </ac:picMkLst>
        </pc:picChg>
        <pc:picChg chg="add mod">
          <ac:chgData name="Niamh Lacy-Roberts" userId="S::nlac_food.dtu.dk#ext#@dksund.onmicrosoft.com::d7748471-4d7b-47f1-ac78-98f12b5c1655" providerId="AD" clId="Web-{235A2406-18CB-49C9-A431-CDCB27A543C6}" dt="2023-04-29T21:17:36.669" v="559"/>
          <ac:picMkLst>
            <pc:docMk/>
            <pc:sldMk cId="2209086295" sldId="326"/>
            <ac:picMk id="22" creationId="{75947FCC-6B8E-4E58-A040-2A2D52812261}"/>
          </ac:picMkLst>
        </pc:picChg>
        <pc:picChg chg="add mod">
          <ac:chgData name="Niamh Lacy-Roberts" userId="S::nlac_food.dtu.dk#ext#@dksund.onmicrosoft.com::d7748471-4d7b-47f1-ac78-98f12b5c1655" providerId="AD" clId="Web-{235A2406-18CB-49C9-A431-CDCB27A543C6}" dt="2023-04-29T21:17:36.653" v="558"/>
          <ac:picMkLst>
            <pc:docMk/>
            <pc:sldMk cId="2209086295" sldId="326"/>
            <ac:picMk id="23" creationId="{59A87228-CB6E-2128-4D83-2F116F3DBEC6}"/>
          </ac:picMkLst>
        </pc:picChg>
        <pc:cxnChg chg="add mod">
          <ac:chgData name="Niamh Lacy-Roberts" userId="S::nlac_food.dtu.dk#ext#@dksund.onmicrosoft.com::d7748471-4d7b-47f1-ac78-98f12b5c1655" providerId="AD" clId="Web-{235A2406-18CB-49C9-A431-CDCB27A543C6}" dt="2023-04-29T21:19:10.578" v="576"/>
          <ac:cxnSpMkLst>
            <pc:docMk/>
            <pc:sldMk cId="2209086295" sldId="326"/>
            <ac:cxnSpMk id="25" creationId="{31F4CB23-41FC-8252-24B9-1645687ACAC3}"/>
          </ac:cxnSpMkLst>
        </pc:cxnChg>
        <pc:cxnChg chg="add mod">
          <ac:chgData name="Niamh Lacy-Roberts" userId="S::nlac_food.dtu.dk#ext#@dksund.onmicrosoft.com::d7748471-4d7b-47f1-ac78-98f12b5c1655" providerId="AD" clId="Web-{235A2406-18CB-49C9-A431-CDCB27A543C6}" dt="2023-04-29T21:19:10.594" v="577"/>
          <ac:cxnSpMkLst>
            <pc:docMk/>
            <pc:sldMk cId="2209086295" sldId="326"/>
            <ac:cxnSpMk id="26" creationId="{B2EB136F-1028-E6C6-80C0-2268DC4852C3}"/>
          </ac:cxnSpMkLst>
        </pc:cxnChg>
        <pc:cxnChg chg="add mod">
          <ac:chgData name="Niamh Lacy-Roberts" userId="S::nlac_food.dtu.dk#ext#@dksund.onmicrosoft.com::d7748471-4d7b-47f1-ac78-98f12b5c1655" providerId="AD" clId="Web-{235A2406-18CB-49C9-A431-CDCB27A543C6}" dt="2023-04-29T21:19:10.594" v="578"/>
          <ac:cxnSpMkLst>
            <pc:docMk/>
            <pc:sldMk cId="2209086295" sldId="326"/>
            <ac:cxnSpMk id="27" creationId="{E136A39F-7830-B1AA-6C4E-2F2A1516B692}"/>
          </ac:cxnSpMkLst>
        </pc:cxnChg>
        <pc:cxnChg chg="add mod">
          <ac:chgData name="Niamh Lacy-Roberts" userId="S::nlac_food.dtu.dk#ext#@dksund.onmicrosoft.com::d7748471-4d7b-47f1-ac78-98f12b5c1655" providerId="AD" clId="Web-{235A2406-18CB-49C9-A431-CDCB27A543C6}" dt="2023-04-29T21:19:17.250" v="579"/>
          <ac:cxnSpMkLst>
            <pc:docMk/>
            <pc:sldMk cId="2209086295" sldId="326"/>
            <ac:cxnSpMk id="28" creationId="{2C15A969-127C-F7B7-E159-65A571C31EF4}"/>
          </ac:cxnSpMkLst>
        </pc:cxnChg>
      </pc:sldChg>
      <pc:sldChg chg="addSp delSp modSp new">
        <pc:chgData name="Niamh Lacy-Roberts" userId="S::nlac_food.dtu.dk#ext#@dksund.onmicrosoft.com::d7748471-4d7b-47f1-ac78-98f12b5c1655" providerId="AD" clId="Web-{235A2406-18CB-49C9-A431-CDCB27A543C6}" dt="2023-04-29T21:28:16.823" v="711" actId="1076"/>
        <pc:sldMkLst>
          <pc:docMk/>
          <pc:sldMk cId="62719607" sldId="343"/>
        </pc:sldMkLst>
        <pc:spChg chg="mod">
          <ac:chgData name="Niamh Lacy-Roberts" userId="S::nlac_food.dtu.dk#ext#@dksund.onmicrosoft.com::d7748471-4d7b-47f1-ac78-98f12b5c1655" providerId="AD" clId="Web-{235A2406-18CB-49C9-A431-CDCB27A543C6}" dt="2023-04-29T21:20:47.184" v="626" actId="20577"/>
          <ac:spMkLst>
            <pc:docMk/>
            <pc:sldMk cId="62719607" sldId="343"/>
            <ac:spMk id="2" creationId="{3AE16E88-519C-2642-DD91-4EA8F5CA0CA8}"/>
          </ac:spMkLst>
        </pc:spChg>
        <pc:spChg chg="del">
          <ac:chgData name="Niamh Lacy-Roberts" userId="S::nlac_food.dtu.dk#ext#@dksund.onmicrosoft.com::d7748471-4d7b-47f1-ac78-98f12b5c1655" providerId="AD" clId="Web-{235A2406-18CB-49C9-A431-CDCB27A543C6}" dt="2023-04-28T18:40:50.611" v="388"/>
          <ac:spMkLst>
            <pc:docMk/>
            <pc:sldMk cId="62719607" sldId="343"/>
            <ac:spMk id="3" creationId="{1439D369-2AD7-8BC5-2303-EE977E644B2A}"/>
          </ac:spMkLst>
        </pc:spChg>
        <pc:spChg chg="add mod">
          <ac:chgData name="Niamh Lacy-Roberts" userId="S::nlac_food.dtu.dk#ext#@dksund.onmicrosoft.com::d7748471-4d7b-47f1-ac78-98f12b5c1655" providerId="AD" clId="Web-{235A2406-18CB-49C9-A431-CDCB27A543C6}" dt="2023-04-29T21:28:16.823" v="711" actId="1076"/>
          <ac:spMkLst>
            <pc:docMk/>
            <pc:sldMk cId="62719607" sldId="343"/>
            <ac:spMk id="3" creationId="{267F4726-E893-A0BB-0D26-86C219235B7A}"/>
          </ac:spMkLst>
        </pc:spChg>
        <pc:picChg chg="add mod ord">
          <ac:chgData name="Niamh Lacy-Roberts" userId="S::nlac_food.dtu.dk#ext#@dksund.onmicrosoft.com::d7748471-4d7b-47f1-ac78-98f12b5c1655" providerId="AD" clId="Web-{235A2406-18CB-49C9-A431-CDCB27A543C6}" dt="2023-04-29T21:20:36.372" v="611" actId="1076"/>
          <ac:picMkLst>
            <pc:docMk/>
            <pc:sldMk cId="62719607" sldId="343"/>
            <ac:picMk id="5" creationId="{E8B9EB47-B8D2-738E-0BF1-CBDA37457B6A}"/>
          </ac:picMkLst>
        </pc:picChg>
      </pc:sldChg>
      <pc:sldChg chg="addSp delSp modSp new">
        <pc:chgData name="Niamh Lacy-Roberts" userId="S::nlac_food.dtu.dk#ext#@dksund.onmicrosoft.com::d7748471-4d7b-47f1-ac78-98f12b5c1655" providerId="AD" clId="Web-{235A2406-18CB-49C9-A431-CDCB27A543C6}" dt="2023-04-29T21:27:05.284" v="693" actId="20577"/>
        <pc:sldMkLst>
          <pc:docMk/>
          <pc:sldMk cId="3760615259" sldId="344"/>
        </pc:sldMkLst>
        <pc:spChg chg="mod">
          <ac:chgData name="Niamh Lacy-Roberts" userId="S::nlac_food.dtu.dk#ext#@dksund.onmicrosoft.com::d7748471-4d7b-47f1-ac78-98f12b5c1655" providerId="AD" clId="Web-{235A2406-18CB-49C9-A431-CDCB27A543C6}" dt="2023-04-29T21:22:36.357" v="642" actId="20577"/>
          <ac:spMkLst>
            <pc:docMk/>
            <pc:sldMk cId="3760615259" sldId="344"/>
            <ac:spMk id="2" creationId="{55D52CDF-7472-5573-E651-280480B63D6D}"/>
          </ac:spMkLst>
        </pc:spChg>
        <pc:spChg chg="del">
          <ac:chgData name="Niamh Lacy-Roberts" userId="S::nlac_food.dtu.dk#ext#@dksund.onmicrosoft.com::d7748471-4d7b-47f1-ac78-98f12b5c1655" providerId="AD" clId="Web-{235A2406-18CB-49C9-A431-CDCB27A543C6}" dt="2023-04-29T21:21:57.716" v="628"/>
          <ac:spMkLst>
            <pc:docMk/>
            <pc:sldMk cId="3760615259" sldId="344"/>
            <ac:spMk id="3" creationId="{DE5B2A2D-26A0-D0E9-AC4C-47217C3FB511}"/>
          </ac:spMkLst>
        </pc:spChg>
        <pc:spChg chg="add mod">
          <ac:chgData name="Niamh Lacy-Roberts" userId="S::nlac_food.dtu.dk#ext#@dksund.onmicrosoft.com::d7748471-4d7b-47f1-ac78-98f12b5c1655" providerId="AD" clId="Web-{235A2406-18CB-49C9-A431-CDCB27A543C6}" dt="2023-04-29T21:27:05.284" v="693" actId="20577"/>
          <ac:spMkLst>
            <pc:docMk/>
            <pc:sldMk cId="3760615259" sldId="344"/>
            <ac:spMk id="7" creationId="{1F66685F-20BC-BC39-7CCF-467C218ED5A2}"/>
          </ac:spMkLst>
        </pc:spChg>
        <pc:picChg chg="add mod ord">
          <ac:chgData name="Niamh Lacy-Roberts" userId="S::nlac_food.dtu.dk#ext#@dksund.onmicrosoft.com::d7748471-4d7b-47f1-ac78-98f12b5c1655" providerId="AD" clId="Web-{235A2406-18CB-49C9-A431-CDCB27A543C6}" dt="2023-04-29T21:21:57.716" v="628"/>
          <ac:picMkLst>
            <pc:docMk/>
            <pc:sldMk cId="3760615259" sldId="344"/>
            <ac:picMk id="5" creationId="{344B583E-2C5C-BE38-E88E-31469E943419}"/>
          </ac:picMkLst>
        </pc:picChg>
      </pc:sldChg>
      <pc:sldChg chg="modSp new del">
        <pc:chgData name="Niamh Lacy-Roberts" userId="S::nlac_food.dtu.dk#ext#@dksund.onmicrosoft.com::d7748471-4d7b-47f1-ac78-98f12b5c1655" providerId="AD" clId="Web-{235A2406-18CB-49C9-A431-CDCB27A543C6}" dt="2023-04-29T21:22:53.787" v="647"/>
        <pc:sldMkLst>
          <pc:docMk/>
          <pc:sldMk cId="1557613660" sldId="345"/>
        </pc:sldMkLst>
        <pc:spChg chg="mod">
          <ac:chgData name="Niamh Lacy-Roberts" userId="S::nlac_food.dtu.dk#ext#@dksund.onmicrosoft.com::d7748471-4d7b-47f1-ac78-98f12b5c1655" providerId="AD" clId="Web-{235A2406-18CB-49C9-A431-CDCB27A543C6}" dt="2023-04-29T21:22:46.975" v="645" actId="20577"/>
          <ac:spMkLst>
            <pc:docMk/>
            <pc:sldMk cId="1557613660" sldId="345"/>
            <ac:spMk id="2" creationId="{CD8CE433-A114-58AD-CDDD-DDFE1695F7DD}"/>
          </ac:spMkLst>
        </pc:spChg>
      </pc:sldChg>
      <pc:sldChg chg="addSp delSp modSp add del replId">
        <pc:chgData name="Niamh Lacy-Roberts" userId="S::nlac_food.dtu.dk#ext#@dksund.onmicrosoft.com::d7748471-4d7b-47f1-ac78-98f12b5c1655" providerId="AD" clId="Web-{235A2406-18CB-49C9-A431-CDCB27A543C6}" dt="2023-04-29T21:23:12.287" v="655"/>
        <pc:sldMkLst>
          <pc:docMk/>
          <pc:sldMk cId="3933849693" sldId="346"/>
        </pc:sldMkLst>
        <pc:spChg chg="add mod">
          <ac:chgData name="Niamh Lacy-Roberts" userId="S::nlac_food.dtu.dk#ext#@dksund.onmicrosoft.com::d7748471-4d7b-47f1-ac78-98f12b5c1655" providerId="AD" clId="Web-{235A2406-18CB-49C9-A431-CDCB27A543C6}" dt="2023-04-29T21:22:56.553" v="648"/>
          <ac:spMkLst>
            <pc:docMk/>
            <pc:sldMk cId="3933849693" sldId="346"/>
            <ac:spMk id="6" creationId="{7FCE418A-87F5-9EB4-AE61-C9B339C5D453}"/>
          </ac:spMkLst>
        </pc:spChg>
        <pc:picChg chg="del">
          <ac:chgData name="Niamh Lacy-Roberts" userId="S::nlac_food.dtu.dk#ext#@dksund.onmicrosoft.com::d7748471-4d7b-47f1-ac78-98f12b5c1655" providerId="AD" clId="Web-{235A2406-18CB-49C9-A431-CDCB27A543C6}" dt="2023-04-29T21:22:56.553" v="648"/>
          <ac:picMkLst>
            <pc:docMk/>
            <pc:sldMk cId="3933849693" sldId="346"/>
            <ac:picMk id="5" creationId="{344B583E-2C5C-BE38-E88E-31469E943419}"/>
          </ac:picMkLst>
        </pc:picChg>
      </pc:sldChg>
      <pc:sldChg chg="addSp delSp modSp add replId">
        <pc:chgData name="Niamh Lacy-Roberts" userId="S::nlac_food.dtu.dk#ext#@dksund.onmicrosoft.com::d7748471-4d7b-47f1-ac78-98f12b5c1655" providerId="AD" clId="Web-{235A2406-18CB-49C9-A431-CDCB27A543C6}" dt="2023-04-29T21:27:10.956" v="694"/>
        <pc:sldMkLst>
          <pc:docMk/>
          <pc:sldMk cId="3549023788" sldId="347"/>
        </pc:sldMkLst>
        <pc:spChg chg="add del mod">
          <ac:chgData name="Niamh Lacy-Roberts" userId="S::nlac_food.dtu.dk#ext#@dksund.onmicrosoft.com::d7748471-4d7b-47f1-ac78-98f12b5c1655" providerId="AD" clId="Web-{235A2406-18CB-49C9-A431-CDCB27A543C6}" dt="2023-04-29T21:23:41.299" v="658"/>
          <ac:spMkLst>
            <pc:docMk/>
            <pc:sldMk cId="3549023788" sldId="347"/>
            <ac:spMk id="6" creationId="{047B0DE2-DEC3-64E0-831F-0F72D380753A}"/>
          </ac:spMkLst>
        </pc:spChg>
        <pc:spChg chg="add">
          <ac:chgData name="Niamh Lacy-Roberts" userId="S::nlac_food.dtu.dk#ext#@dksund.onmicrosoft.com::d7748471-4d7b-47f1-ac78-98f12b5c1655" providerId="AD" clId="Web-{235A2406-18CB-49C9-A431-CDCB27A543C6}" dt="2023-04-29T21:27:10.956" v="694"/>
          <ac:spMkLst>
            <pc:docMk/>
            <pc:sldMk cId="3549023788" sldId="347"/>
            <ac:spMk id="9" creationId="{D7869F67-A6A1-74A6-32E5-BDA12AF330FA}"/>
          </ac:spMkLst>
        </pc:spChg>
        <pc:picChg chg="del">
          <ac:chgData name="Niamh Lacy-Roberts" userId="S::nlac_food.dtu.dk#ext#@dksund.onmicrosoft.com::d7748471-4d7b-47f1-ac78-98f12b5c1655" providerId="AD" clId="Web-{235A2406-18CB-49C9-A431-CDCB27A543C6}" dt="2023-04-29T21:23:03.178" v="651"/>
          <ac:picMkLst>
            <pc:docMk/>
            <pc:sldMk cId="3549023788" sldId="347"/>
            <ac:picMk id="5" creationId="{344B583E-2C5C-BE38-E88E-31469E943419}"/>
          </ac:picMkLst>
        </pc:picChg>
        <pc:picChg chg="add mod ord">
          <ac:chgData name="Niamh Lacy-Roberts" userId="S::nlac_food.dtu.dk#ext#@dksund.onmicrosoft.com::d7748471-4d7b-47f1-ac78-98f12b5c1655" providerId="AD" clId="Web-{235A2406-18CB-49C9-A431-CDCB27A543C6}" dt="2023-04-29T21:23:41.299" v="658"/>
          <ac:picMkLst>
            <pc:docMk/>
            <pc:sldMk cId="3549023788" sldId="347"/>
            <ac:picMk id="7" creationId="{B637299C-D2D4-A2AF-0A8D-9CC6F9D2315A}"/>
          </ac:picMkLst>
        </pc:picChg>
      </pc:sldChg>
      <pc:sldChg chg="addSp delSp modSp add replId">
        <pc:chgData name="Niamh Lacy-Roberts" userId="S::nlac_food.dtu.dk#ext#@dksund.onmicrosoft.com::d7748471-4d7b-47f1-ac78-98f12b5c1655" providerId="AD" clId="Web-{235A2406-18CB-49C9-A431-CDCB27A543C6}" dt="2023-04-29T21:27:12.784" v="695"/>
        <pc:sldMkLst>
          <pc:docMk/>
          <pc:sldMk cId="2379907958" sldId="348"/>
        </pc:sldMkLst>
        <pc:spChg chg="add del mod">
          <ac:chgData name="Niamh Lacy-Roberts" userId="S::nlac_food.dtu.dk#ext#@dksund.onmicrosoft.com::d7748471-4d7b-47f1-ac78-98f12b5c1655" providerId="AD" clId="Web-{235A2406-18CB-49C9-A431-CDCB27A543C6}" dt="2023-04-29T21:23:58.893" v="659"/>
          <ac:spMkLst>
            <pc:docMk/>
            <pc:sldMk cId="2379907958" sldId="348"/>
            <ac:spMk id="6" creationId="{6C307D21-096B-7848-9449-2D86BCB19E21}"/>
          </ac:spMkLst>
        </pc:spChg>
        <pc:spChg chg="add">
          <ac:chgData name="Niamh Lacy-Roberts" userId="S::nlac_food.dtu.dk#ext#@dksund.onmicrosoft.com::d7748471-4d7b-47f1-ac78-98f12b5c1655" providerId="AD" clId="Web-{235A2406-18CB-49C9-A431-CDCB27A543C6}" dt="2023-04-29T21:27:12.784" v="695"/>
          <ac:spMkLst>
            <pc:docMk/>
            <pc:sldMk cId="2379907958" sldId="348"/>
            <ac:spMk id="9" creationId="{AB0FF8DE-006D-C104-3EA7-42D45DAEA56A}"/>
          </ac:spMkLst>
        </pc:spChg>
        <pc:picChg chg="del">
          <ac:chgData name="Niamh Lacy-Roberts" userId="S::nlac_food.dtu.dk#ext#@dksund.onmicrosoft.com::d7748471-4d7b-47f1-ac78-98f12b5c1655" providerId="AD" clId="Web-{235A2406-18CB-49C9-A431-CDCB27A543C6}" dt="2023-04-29T21:23:18.162" v="657"/>
          <ac:picMkLst>
            <pc:docMk/>
            <pc:sldMk cId="2379907958" sldId="348"/>
            <ac:picMk id="5" creationId="{344B583E-2C5C-BE38-E88E-31469E943419}"/>
          </ac:picMkLst>
        </pc:picChg>
        <pc:picChg chg="add mod ord">
          <ac:chgData name="Niamh Lacy-Roberts" userId="S::nlac_food.dtu.dk#ext#@dksund.onmicrosoft.com::d7748471-4d7b-47f1-ac78-98f12b5c1655" providerId="AD" clId="Web-{235A2406-18CB-49C9-A431-CDCB27A543C6}" dt="2023-04-29T21:23:58.893" v="659"/>
          <ac:picMkLst>
            <pc:docMk/>
            <pc:sldMk cId="2379907958" sldId="348"/>
            <ac:picMk id="7" creationId="{B1D9F793-5B47-BD4B-7168-21FDA79FDF64}"/>
          </ac:picMkLst>
        </pc:picChg>
      </pc:sldChg>
      <pc:sldChg chg="new del">
        <pc:chgData name="Niamh Lacy-Roberts" userId="S::nlac_food.dtu.dk#ext#@dksund.onmicrosoft.com::d7748471-4d7b-47f1-ac78-98f12b5c1655" providerId="AD" clId="Web-{235A2406-18CB-49C9-A431-CDCB27A543C6}" dt="2023-04-29T21:23:10.912" v="654"/>
        <pc:sldMkLst>
          <pc:docMk/>
          <pc:sldMk cId="3248201920" sldId="349"/>
        </pc:sldMkLst>
      </pc:sldChg>
      <pc:sldChg chg="addSp delSp modSp add replId">
        <pc:chgData name="Niamh Lacy-Roberts" userId="S::nlac_food.dtu.dk#ext#@dksund.onmicrosoft.com::d7748471-4d7b-47f1-ac78-98f12b5c1655" providerId="AD" clId="Web-{235A2406-18CB-49C9-A431-CDCB27A543C6}" dt="2023-04-29T21:27:15.519" v="696"/>
        <pc:sldMkLst>
          <pc:docMk/>
          <pc:sldMk cId="1926791499" sldId="350"/>
        </pc:sldMkLst>
        <pc:spChg chg="add del mod">
          <ac:chgData name="Niamh Lacy-Roberts" userId="S::nlac_food.dtu.dk#ext#@dksund.onmicrosoft.com::d7748471-4d7b-47f1-ac78-98f12b5c1655" providerId="AD" clId="Web-{235A2406-18CB-49C9-A431-CDCB27A543C6}" dt="2023-04-29T21:24:37.112" v="660"/>
          <ac:spMkLst>
            <pc:docMk/>
            <pc:sldMk cId="1926791499" sldId="350"/>
            <ac:spMk id="6" creationId="{AFD3E873-8FD6-44E4-BE56-528B82BB4409}"/>
          </ac:spMkLst>
        </pc:spChg>
        <pc:spChg chg="add">
          <ac:chgData name="Niamh Lacy-Roberts" userId="S::nlac_food.dtu.dk#ext#@dksund.onmicrosoft.com::d7748471-4d7b-47f1-ac78-98f12b5c1655" providerId="AD" clId="Web-{235A2406-18CB-49C9-A431-CDCB27A543C6}" dt="2023-04-29T21:27:15.519" v="696"/>
          <ac:spMkLst>
            <pc:docMk/>
            <pc:sldMk cId="1926791499" sldId="350"/>
            <ac:spMk id="9" creationId="{DE649C81-E397-FACD-1704-AE0610A3CC4B}"/>
          </ac:spMkLst>
        </pc:spChg>
        <pc:picChg chg="del">
          <ac:chgData name="Niamh Lacy-Roberts" userId="S::nlac_food.dtu.dk#ext#@dksund.onmicrosoft.com::d7748471-4d7b-47f1-ac78-98f12b5c1655" providerId="AD" clId="Web-{235A2406-18CB-49C9-A431-CDCB27A543C6}" dt="2023-04-29T21:23:14.897" v="656"/>
          <ac:picMkLst>
            <pc:docMk/>
            <pc:sldMk cId="1926791499" sldId="350"/>
            <ac:picMk id="5" creationId="{344B583E-2C5C-BE38-E88E-31469E943419}"/>
          </ac:picMkLst>
        </pc:picChg>
        <pc:picChg chg="add mod ord">
          <ac:chgData name="Niamh Lacy-Roberts" userId="S::nlac_food.dtu.dk#ext#@dksund.onmicrosoft.com::d7748471-4d7b-47f1-ac78-98f12b5c1655" providerId="AD" clId="Web-{235A2406-18CB-49C9-A431-CDCB27A543C6}" dt="2023-04-29T21:24:37.112" v="660"/>
          <ac:picMkLst>
            <pc:docMk/>
            <pc:sldMk cId="1926791499" sldId="350"/>
            <ac:picMk id="7" creationId="{70B3F9A7-D2EA-42F7-B7EB-FB9E6A637D63}"/>
          </ac:picMkLst>
        </pc:picChg>
      </pc:sldChg>
      <pc:sldChg chg="addSp delSp modSp add replId">
        <pc:chgData name="Niamh Lacy-Roberts" userId="S::nlac_food.dtu.dk#ext#@dksund.onmicrosoft.com::d7748471-4d7b-47f1-ac78-98f12b5c1655" providerId="AD" clId="Web-{235A2406-18CB-49C9-A431-CDCB27A543C6}" dt="2023-04-29T21:27:16.894" v="697"/>
        <pc:sldMkLst>
          <pc:docMk/>
          <pc:sldMk cId="400681006" sldId="351"/>
        </pc:sldMkLst>
        <pc:spChg chg="add del mod">
          <ac:chgData name="Niamh Lacy-Roberts" userId="S::nlac_food.dtu.dk#ext#@dksund.onmicrosoft.com::d7748471-4d7b-47f1-ac78-98f12b5c1655" providerId="AD" clId="Web-{235A2406-18CB-49C9-A431-CDCB27A543C6}" dt="2023-04-29T21:25:06.800" v="663"/>
          <ac:spMkLst>
            <pc:docMk/>
            <pc:sldMk cId="400681006" sldId="351"/>
            <ac:spMk id="5" creationId="{41C2F87D-966B-1899-4B06-410D216484C1}"/>
          </ac:spMkLst>
        </pc:spChg>
        <pc:spChg chg="add">
          <ac:chgData name="Niamh Lacy-Roberts" userId="S::nlac_food.dtu.dk#ext#@dksund.onmicrosoft.com::d7748471-4d7b-47f1-ac78-98f12b5c1655" providerId="AD" clId="Web-{235A2406-18CB-49C9-A431-CDCB27A543C6}" dt="2023-04-29T21:27:16.894" v="697"/>
          <ac:spMkLst>
            <pc:docMk/>
            <pc:sldMk cId="400681006" sldId="351"/>
            <ac:spMk id="9" creationId="{77371597-EC2A-CF7D-C992-031F52F65E27}"/>
          </ac:spMkLst>
        </pc:spChg>
        <pc:picChg chg="add mod ord">
          <ac:chgData name="Niamh Lacy-Roberts" userId="S::nlac_food.dtu.dk#ext#@dksund.onmicrosoft.com::d7748471-4d7b-47f1-ac78-98f12b5c1655" providerId="AD" clId="Web-{235A2406-18CB-49C9-A431-CDCB27A543C6}" dt="2023-04-29T21:25:06.800" v="663"/>
          <ac:picMkLst>
            <pc:docMk/>
            <pc:sldMk cId="400681006" sldId="351"/>
            <ac:picMk id="6" creationId="{63BD19AA-187D-614F-65A6-FE4C3389195A}"/>
          </ac:picMkLst>
        </pc:picChg>
        <pc:picChg chg="del">
          <ac:chgData name="Niamh Lacy-Roberts" userId="S::nlac_food.dtu.dk#ext#@dksund.onmicrosoft.com::d7748471-4d7b-47f1-ac78-98f12b5c1655" providerId="AD" clId="Web-{235A2406-18CB-49C9-A431-CDCB27A543C6}" dt="2023-04-29T21:24:44.659" v="662"/>
          <ac:picMkLst>
            <pc:docMk/>
            <pc:sldMk cId="400681006" sldId="351"/>
            <ac:picMk id="7" creationId="{70B3F9A7-D2EA-42F7-B7EB-FB9E6A637D63}"/>
          </ac:picMkLst>
        </pc:picChg>
      </pc:sldChg>
    </pc:docChg>
  </pc:docChgLst>
  <pc:docChgLst>
    <pc:chgData name="Lauge Holm Sørensen" userId="S::lahoso_food.dtu.dk#ext#@dksund.onmicrosoft.com::36edfa9c-897a-49e3-ab8c-b924de762b56" providerId="AD" clId="Web-{F359388F-79FD-42C2-B5ED-ACAB15D0366C}"/>
    <pc:docChg chg="addSld modSld addMainMaster modMainMaster">
      <pc:chgData name="Lauge Holm Sørensen" userId="S::lahoso_food.dtu.dk#ext#@dksund.onmicrosoft.com::36edfa9c-897a-49e3-ab8c-b924de762b56" providerId="AD" clId="Web-{F359388F-79FD-42C2-B5ED-ACAB15D0366C}" dt="2023-05-12T12:00:50.165" v="145"/>
      <pc:docMkLst>
        <pc:docMk/>
      </pc:docMkLst>
      <pc:sldChg chg="addSp">
        <pc:chgData name="Lauge Holm Sørensen" userId="S::lahoso_food.dtu.dk#ext#@dksund.onmicrosoft.com::36edfa9c-897a-49e3-ab8c-b924de762b56" providerId="AD" clId="Web-{F359388F-79FD-42C2-B5ED-ACAB15D0366C}" dt="2023-05-12T11:57:16.104" v="85"/>
        <pc:sldMkLst>
          <pc:docMk/>
          <pc:sldMk cId="1796381250" sldId="257"/>
        </pc:sldMkLst>
        <pc:picChg chg="add">
          <ac:chgData name="Lauge Holm Sørensen" userId="S::lahoso_food.dtu.dk#ext#@dksund.onmicrosoft.com::36edfa9c-897a-49e3-ab8c-b924de762b56" providerId="AD" clId="Web-{F359388F-79FD-42C2-B5ED-ACAB15D0366C}" dt="2023-05-12T11:57:16.104" v="85"/>
          <ac:picMkLst>
            <pc:docMk/>
            <pc:sldMk cId="1796381250" sldId="257"/>
            <ac:picMk id="3" creationId="{0DE8A0F9-8866-B9DC-B434-2C25EE13E330}"/>
          </ac:picMkLst>
        </pc:picChg>
      </pc:sldChg>
      <pc:sldChg chg="addSp">
        <pc:chgData name="Lauge Holm Sørensen" userId="S::lahoso_food.dtu.dk#ext#@dksund.onmicrosoft.com::36edfa9c-897a-49e3-ab8c-b924de762b56" providerId="AD" clId="Web-{F359388F-79FD-42C2-B5ED-ACAB15D0366C}" dt="2023-05-12T11:57:18.807" v="86"/>
        <pc:sldMkLst>
          <pc:docMk/>
          <pc:sldMk cId="3927350585" sldId="261"/>
        </pc:sldMkLst>
        <pc:picChg chg="add">
          <ac:chgData name="Lauge Holm Sørensen" userId="S::lahoso_food.dtu.dk#ext#@dksund.onmicrosoft.com::36edfa9c-897a-49e3-ab8c-b924de762b56" providerId="AD" clId="Web-{F359388F-79FD-42C2-B5ED-ACAB15D0366C}" dt="2023-05-12T11:57:18.807" v="86"/>
          <ac:picMkLst>
            <pc:docMk/>
            <pc:sldMk cId="3927350585" sldId="261"/>
            <ac:picMk id="103" creationId="{376D1FDD-A2A5-F7D9-0613-C1FCE76ED632}"/>
          </ac:picMkLst>
        </pc:picChg>
      </pc:sldChg>
      <pc:sldChg chg="addSp">
        <pc:chgData name="Lauge Holm Sørensen" userId="S::lahoso_food.dtu.dk#ext#@dksund.onmicrosoft.com::36edfa9c-897a-49e3-ab8c-b924de762b56" providerId="AD" clId="Web-{F359388F-79FD-42C2-B5ED-ACAB15D0366C}" dt="2023-05-12T11:57:26.776" v="89"/>
        <pc:sldMkLst>
          <pc:docMk/>
          <pc:sldMk cId="2765500838" sldId="262"/>
        </pc:sldMkLst>
        <pc:picChg chg="add">
          <ac:chgData name="Lauge Holm Sørensen" userId="S::lahoso_food.dtu.dk#ext#@dksund.onmicrosoft.com::36edfa9c-897a-49e3-ab8c-b924de762b56" providerId="AD" clId="Web-{F359388F-79FD-42C2-B5ED-ACAB15D0366C}" dt="2023-05-12T11:57:26.776" v="89"/>
          <ac:picMkLst>
            <pc:docMk/>
            <pc:sldMk cId="2765500838" sldId="262"/>
            <ac:picMk id="8" creationId="{4BBE358E-EE95-BF7C-6466-B5CCCA95A621}"/>
          </ac:picMkLst>
        </pc:picChg>
      </pc:sldChg>
      <pc:sldChg chg="addSp modSp">
        <pc:chgData name="Lauge Holm Sørensen" userId="S::lahoso_food.dtu.dk#ext#@dksund.onmicrosoft.com::36edfa9c-897a-49e3-ab8c-b924de762b56" providerId="AD" clId="Web-{F359388F-79FD-42C2-B5ED-ACAB15D0366C}" dt="2023-05-12T11:57:38.715" v="92"/>
        <pc:sldMkLst>
          <pc:docMk/>
          <pc:sldMk cId="3923957460" sldId="263"/>
        </pc:sldMkLst>
        <pc:picChg chg="add ord">
          <ac:chgData name="Lauge Holm Sørensen" userId="S::lahoso_food.dtu.dk#ext#@dksund.onmicrosoft.com::36edfa9c-897a-49e3-ab8c-b924de762b56" providerId="AD" clId="Web-{F359388F-79FD-42C2-B5ED-ACAB15D0366C}" dt="2023-05-12T11:57:38.715" v="92"/>
          <ac:picMkLst>
            <pc:docMk/>
            <pc:sldMk cId="3923957460" sldId="263"/>
            <ac:picMk id="8" creationId="{F7E58C62-92C2-B9EC-05F3-34E1D8771FDF}"/>
          </ac:picMkLst>
        </pc:picChg>
      </pc:sldChg>
      <pc:sldChg chg="addSp modSp">
        <pc:chgData name="Lauge Holm Sørensen" userId="S::lahoso_food.dtu.dk#ext#@dksund.onmicrosoft.com::36edfa9c-897a-49e3-ab8c-b924de762b56" providerId="AD" clId="Web-{F359388F-79FD-42C2-B5ED-ACAB15D0366C}" dt="2023-05-12T11:59:27.378" v="123"/>
        <pc:sldMkLst>
          <pc:docMk/>
          <pc:sldMk cId="4223503101" sldId="264"/>
        </pc:sldMkLst>
        <pc:picChg chg="add ord">
          <ac:chgData name="Lauge Holm Sørensen" userId="S::lahoso_food.dtu.dk#ext#@dksund.onmicrosoft.com::36edfa9c-897a-49e3-ab8c-b924de762b56" providerId="AD" clId="Web-{F359388F-79FD-42C2-B5ED-ACAB15D0366C}" dt="2023-05-12T11:59:27.378" v="123"/>
          <ac:picMkLst>
            <pc:docMk/>
            <pc:sldMk cId="4223503101" sldId="264"/>
            <ac:picMk id="7" creationId="{B9A82160-09EF-A2E7-E537-28BE39384649}"/>
          </ac:picMkLst>
        </pc:picChg>
      </pc:sldChg>
      <pc:sldChg chg="addSp">
        <pc:chgData name="Lauge Holm Sørensen" userId="S::lahoso_food.dtu.dk#ext#@dksund.onmicrosoft.com::36edfa9c-897a-49e3-ab8c-b924de762b56" providerId="AD" clId="Web-{F359388F-79FD-42C2-B5ED-ACAB15D0366C}" dt="2023-05-12T11:57:44.965" v="94"/>
        <pc:sldMkLst>
          <pc:docMk/>
          <pc:sldMk cId="20127242" sldId="265"/>
        </pc:sldMkLst>
        <pc:picChg chg="add">
          <ac:chgData name="Lauge Holm Sørensen" userId="S::lahoso_food.dtu.dk#ext#@dksund.onmicrosoft.com::36edfa9c-897a-49e3-ab8c-b924de762b56" providerId="AD" clId="Web-{F359388F-79FD-42C2-B5ED-ACAB15D0366C}" dt="2023-05-12T11:57:44.965" v="94"/>
          <ac:picMkLst>
            <pc:docMk/>
            <pc:sldMk cId="20127242" sldId="265"/>
            <ac:picMk id="10" creationId="{985B529E-F517-4D03-8C61-EE6FEC062FD9}"/>
          </ac:picMkLst>
        </pc:picChg>
      </pc:sldChg>
      <pc:sldChg chg="addSp">
        <pc:chgData name="Lauge Holm Sørensen" userId="S::lahoso_food.dtu.dk#ext#@dksund.onmicrosoft.com::36edfa9c-897a-49e3-ab8c-b924de762b56" providerId="AD" clId="Web-{F359388F-79FD-42C2-B5ED-ACAB15D0366C}" dt="2023-05-12T11:59:28.878" v="124"/>
        <pc:sldMkLst>
          <pc:docMk/>
          <pc:sldMk cId="994672358" sldId="266"/>
        </pc:sldMkLst>
        <pc:picChg chg="add">
          <ac:chgData name="Lauge Holm Sørensen" userId="S::lahoso_food.dtu.dk#ext#@dksund.onmicrosoft.com::36edfa9c-897a-49e3-ab8c-b924de762b56" providerId="AD" clId="Web-{F359388F-79FD-42C2-B5ED-ACAB15D0366C}" dt="2023-05-12T11:59:28.878" v="124"/>
          <ac:picMkLst>
            <pc:docMk/>
            <pc:sldMk cId="994672358" sldId="266"/>
            <ac:picMk id="13" creationId="{92242732-5F0F-1E33-66E8-55B7294A74E7}"/>
          </ac:picMkLst>
        </pc:picChg>
      </pc:sldChg>
      <pc:sldChg chg="addSp">
        <pc:chgData name="Lauge Holm Sørensen" userId="S::lahoso_food.dtu.dk#ext#@dksund.onmicrosoft.com::36edfa9c-897a-49e3-ab8c-b924de762b56" providerId="AD" clId="Web-{F359388F-79FD-42C2-B5ED-ACAB15D0366C}" dt="2023-05-12T11:57:48.903" v="96"/>
        <pc:sldMkLst>
          <pc:docMk/>
          <pc:sldMk cId="793461123" sldId="267"/>
        </pc:sldMkLst>
        <pc:picChg chg="add">
          <ac:chgData name="Lauge Holm Sørensen" userId="S::lahoso_food.dtu.dk#ext#@dksund.onmicrosoft.com::36edfa9c-897a-49e3-ab8c-b924de762b56" providerId="AD" clId="Web-{F359388F-79FD-42C2-B5ED-ACAB15D0366C}" dt="2023-05-12T11:57:48.903" v="96"/>
          <ac:picMkLst>
            <pc:docMk/>
            <pc:sldMk cId="793461123" sldId="267"/>
            <ac:picMk id="3" creationId="{87448BAA-C393-0703-3169-F0FCB277316D}"/>
          </ac:picMkLst>
        </pc:picChg>
      </pc:sldChg>
      <pc:sldChg chg="addSp">
        <pc:chgData name="Lauge Holm Sørensen" userId="S::lahoso_food.dtu.dk#ext#@dksund.onmicrosoft.com::36edfa9c-897a-49e3-ab8c-b924de762b56" providerId="AD" clId="Web-{F359388F-79FD-42C2-B5ED-ACAB15D0366C}" dt="2023-05-12T11:59:43.363" v="127"/>
        <pc:sldMkLst>
          <pc:docMk/>
          <pc:sldMk cId="1483027898" sldId="268"/>
        </pc:sldMkLst>
        <pc:picChg chg="add">
          <ac:chgData name="Lauge Holm Sørensen" userId="S::lahoso_food.dtu.dk#ext#@dksund.onmicrosoft.com::36edfa9c-897a-49e3-ab8c-b924de762b56" providerId="AD" clId="Web-{F359388F-79FD-42C2-B5ED-ACAB15D0366C}" dt="2023-05-12T11:59:43.363" v="127"/>
          <ac:picMkLst>
            <pc:docMk/>
            <pc:sldMk cId="1483027898" sldId="268"/>
            <ac:picMk id="3" creationId="{E9164EE4-5C35-4314-210B-FC47F980F7E7}"/>
          </ac:picMkLst>
        </pc:picChg>
      </pc:sldChg>
      <pc:sldChg chg="addSp modSp">
        <pc:chgData name="Lauge Holm Sørensen" userId="S::lahoso_food.dtu.dk#ext#@dksund.onmicrosoft.com::36edfa9c-897a-49e3-ab8c-b924de762b56" providerId="AD" clId="Web-{F359388F-79FD-42C2-B5ED-ACAB15D0366C}" dt="2023-05-12T11:58:11.436" v="98"/>
        <pc:sldMkLst>
          <pc:docMk/>
          <pc:sldMk cId="2836067693" sldId="269"/>
        </pc:sldMkLst>
        <pc:picChg chg="add ord">
          <ac:chgData name="Lauge Holm Sørensen" userId="S::lahoso_food.dtu.dk#ext#@dksund.onmicrosoft.com::36edfa9c-897a-49e3-ab8c-b924de762b56" providerId="AD" clId="Web-{F359388F-79FD-42C2-B5ED-ACAB15D0366C}" dt="2023-05-12T11:58:11.436" v="98"/>
          <ac:picMkLst>
            <pc:docMk/>
            <pc:sldMk cId="2836067693" sldId="269"/>
            <ac:picMk id="6" creationId="{325071FA-6879-4A5A-DEAF-2772212F56A0}"/>
          </ac:picMkLst>
        </pc:picChg>
      </pc:sldChg>
      <pc:sldChg chg="addSp delSp">
        <pc:chgData name="Lauge Holm Sørensen" userId="S::lahoso_food.dtu.dk#ext#@dksund.onmicrosoft.com::36edfa9c-897a-49e3-ab8c-b924de762b56" providerId="AD" clId="Web-{F359388F-79FD-42C2-B5ED-ACAB15D0366C}" dt="2023-05-12T11:58:42.141" v="109"/>
        <pc:sldMkLst>
          <pc:docMk/>
          <pc:sldMk cId="1695720078" sldId="270"/>
        </pc:sldMkLst>
        <pc:picChg chg="add">
          <ac:chgData name="Lauge Holm Sørensen" userId="S::lahoso_food.dtu.dk#ext#@dksund.onmicrosoft.com::36edfa9c-897a-49e3-ab8c-b924de762b56" providerId="AD" clId="Web-{F359388F-79FD-42C2-B5ED-ACAB15D0366C}" dt="2023-05-12T11:58:12.654" v="99"/>
          <ac:picMkLst>
            <pc:docMk/>
            <pc:sldMk cId="1695720078" sldId="270"/>
            <ac:picMk id="3" creationId="{A4DACB9F-986B-1261-8A6D-513E8EBC2130}"/>
          </ac:picMkLst>
        </pc:picChg>
        <pc:picChg chg="add del">
          <ac:chgData name="Lauge Holm Sørensen" userId="S::lahoso_food.dtu.dk#ext#@dksund.onmicrosoft.com::36edfa9c-897a-49e3-ab8c-b924de762b56" providerId="AD" clId="Web-{F359388F-79FD-42C2-B5ED-ACAB15D0366C}" dt="2023-05-12T11:58:42.141" v="109"/>
          <ac:picMkLst>
            <pc:docMk/>
            <pc:sldMk cId="1695720078" sldId="270"/>
            <ac:picMk id="8" creationId="{01B7918F-A1C0-FD88-0F9E-90A18D6B2700}"/>
          </ac:picMkLst>
        </pc:picChg>
        <pc:picChg chg="add del">
          <ac:chgData name="Lauge Holm Sørensen" userId="S::lahoso_food.dtu.dk#ext#@dksund.onmicrosoft.com::36edfa9c-897a-49e3-ab8c-b924de762b56" providerId="AD" clId="Web-{F359388F-79FD-42C2-B5ED-ACAB15D0366C}" dt="2023-05-12T11:58:39.016" v="108"/>
          <ac:picMkLst>
            <pc:docMk/>
            <pc:sldMk cId="1695720078" sldId="270"/>
            <ac:picMk id="10" creationId="{DF4815BC-585E-2879-837C-A34181E735D0}"/>
          </ac:picMkLst>
        </pc:picChg>
        <pc:picChg chg="add del">
          <ac:chgData name="Lauge Holm Sørensen" userId="S::lahoso_food.dtu.dk#ext#@dksund.onmicrosoft.com::36edfa9c-897a-49e3-ab8c-b924de762b56" providerId="AD" clId="Web-{F359388F-79FD-42C2-B5ED-ACAB15D0366C}" dt="2023-05-12T11:58:33.562" v="107"/>
          <ac:picMkLst>
            <pc:docMk/>
            <pc:sldMk cId="1695720078" sldId="270"/>
            <ac:picMk id="12" creationId="{2192B304-B842-C628-9877-CE1D8D91A4E8}"/>
          </ac:picMkLst>
        </pc:picChg>
      </pc:sldChg>
      <pc:sldChg chg="addSp">
        <pc:chgData name="Lauge Holm Sørensen" userId="S::lahoso_food.dtu.dk#ext#@dksund.onmicrosoft.com::36edfa9c-897a-49e3-ab8c-b924de762b56" providerId="AD" clId="Web-{F359388F-79FD-42C2-B5ED-ACAB15D0366C}" dt="2023-05-12T11:58:55.063" v="110"/>
        <pc:sldMkLst>
          <pc:docMk/>
          <pc:sldMk cId="731537359" sldId="271"/>
        </pc:sldMkLst>
        <pc:picChg chg="add">
          <ac:chgData name="Lauge Holm Sørensen" userId="S::lahoso_food.dtu.dk#ext#@dksund.onmicrosoft.com::36edfa9c-897a-49e3-ab8c-b924de762b56" providerId="AD" clId="Web-{F359388F-79FD-42C2-B5ED-ACAB15D0366C}" dt="2023-05-12T11:58:55.063" v="110"/>
          <ac:picMkLst>
            <pc:docMk/>
            <pc:sldMk cId="731537359" sldId="271"/>
            <ac:picMk id="10" creationId="{6D2F2B68-3364-3621-88C4-36966C45D90C}"/>
          </ac:picMkLst>
        </pc:picChg>
      </pc:sldChg>
      <pc:sldChg chg="addSp modSp">
        <pc:chgData name="Lauge Holm Sørensen" userId="S::lahoso_food.dtu.dk#ext#@dksund.onmicrosoft.com::36edfa9c-897a-49e3-ab8c-b924de762b56" providerId="AD" clId="Web-{F359388F-79FD-42C2-B5ED-ACAB15D0366C}" dt="2023-05-12T11:57:06.978" v="83" actId="14100"/>
        <pc:sldMkLst>
          <pc:docMk/>
          <pc:sldMk cId="1522583885" sldId="272"/>
        </pc:sldMkLst>
        <pc:picChg chg="add mod modCrop">
          <ac:chgData name="Lauge Holm Sørensen" userId="S::lahoso_food.dtu.dk#ext#@dksund.onmicrosoft.com::36edfa9c-897a-49e3-ab8c-b924de762b56" providerId="AD" clId="Web-{F359388F-79FD-42C2-B5ED-ACAB15D0366C}" dt="2023-05-12T11:57:06.978" v="83" actId="14100"/>
          <ac:picMkLst>
            <pc:docMk/>
            <pc:sldMk cId="1522583885" sldId="272"/>
            <ac:picMk id="9" creationId="{2E578C7E-C66C-C101-FCE1-79ED02C1A240}"/>
          </ac:picMkLst>
        </pc:picChg>
      </pc:sldChg>
      <pc:sldChg chg="addSp modSp">
        <pc:chgData name="Lauge Holm Sørensen" userId="S::lahoso_food.dtu.dk#ext#@dksund.onmicrosoft.com::36edfa9c-897a-49e3-ab8c-b924de762b56" providerId="AD" clId="Web-{F359388F-79FD-42C2-B5ED-ACAB15D0366C}" dt="2023-05-12T12:00:30.898" v="139"/>
        <pc:sldMkLst>
          <pc:docMk/>
          <pc:sldMk cId="3105538874" sldId="274"/>
        </pc:sldMkLst>
        <pc:picChg chg="add ord">
          <ac:chgData name="Lauge Holm Sørensen" userId="S::lahoso_food.dtu.dk#ext#@dksund.onmicrosoft.com::36edfa9c-897a-49e3-ab8c-b924de762b56" providerId="AD" clId="Web-{F359388F-79FD-42C2-B5ED-ACAB15D0366C}" dt="2023-05-12T12:00:30.898" v="139"/>
          <ac:picMkLst>
            <pc:docMk/>
            <pc:sldMk cId="3105538874" sldId="274"/>
            <ac:picMk id="3" creationId="{D19C725A-22C3-9791-D54A-30604EB4D112}"/>
          </ac:picMkLst>
        </pc:picChg>
      </pc:sldChg>
      <pc:sldChg chg="addSp">
        <pc:chgData name="Lauge Holm Sørensen" userId="S::lahoso_food.dtu.dk#ext#@dksund.onmicrosoft.com::36edfa9c-897a-49e3-ab8c-b924de762b56" providerId="AD" clId="Web-{F359388F-79FD-42C2-B5ED-ACAB15D0366C}" dt="2023-05-12T12:00:50.165" v="145"/>
        <pc:sldMkLst>
          <pc:docMk/>
          <pc:sldMk cId="1592693399" sldId="317"/>
        </pc:sldMkLst>
        <pc:picChg chg="add">
          <ac:chgData name="Lauge Holm Sørensen" userId="S::lahoso_food.dtu.dk#ext#@dksund.onmicrosoft.com::36edfa9c-897a-49e3-ab8c-b924de762b56" providerId="AD" clId="Web-{F359388F-79FD-42C2-B5ED-ACAB15D0366C}" dt="2023-05-12T12:00:50.165" v="145"/>
          <ac:picMkLst>
            <pc:docMk/>
            <pc:sldMk cId="1592693399" sldId="317"/>
            <ac:picMk id="3" creationId="{E19225D7-2034-9A38-304F-60A5121B2C8F}"/>
          </ac:picMkLst>
        </pc:picChg>
      </pc:sldChg>
      <pc:sldChg chg="addSp">
        <pc:chgData name="Lauge Holm Sørensen" userId="S::lahoso_food.dtu.dk#ext#@dksund.onmicrosoft.com::36edfa9c-897a-49e3-ab8c-b924de762b56" providerId="AD" clId="Web-{F359388F-79FD-42C2-B5ED-ACAB15D0366C}" dt="2023-05-12T11:57:24.073" v="88"/>
        <pc:sldMkLst>
          <pc:docMk/>
          <pc:sldMk cId="3471646686" sldId="318"/>
        </pc:sldMkLst>
        <pc:picChg chg="add">
          <ac:chgData name="Lauge Holm Sørensen" userId="S::lahoso_food.dtu.dk#ext#@dksund.onmicrosoft.com::36edfa9c-897a-49e3-ab8c-b924de762b56" providerId="AD" clId="Web-{F359388F-79FD-42C2-B5ED-ACAB15D0366C}" dt="2023-05-12T11:57:24.073" v="88"/>
          <ac:picMkLst>
            <pc:docMk/>
            <pc:sldMk cId="3471646686" sldId="318"/>
            <ac:picMk id="8" creationId="{25176230-E9DF-C093-51F2-22096EDAD7B8}"/>
          </ac:picMkLst>
        </pc:picChg>
      </pc:sldChg>
      <pc:sldChg chg="addSp">
        <pc:chgData name="Lauge Holm Sørensen" userId="S::lahoso_food.dtu.dk#ext#@dksund.onmicrosoft.com::36edfa9c-897a-49e3-ab8c-b924de762b56" providerId="AD" clId="Web-{F359388F-79FD-42C2-B5ED-ACAB15D0366C}" dt="2023-05-12T11:57:21.932" v="87"/>
        <pc:sldMkLst>
          <pc:docMk/>
          <pc:sldMk cId="2705506384" sldId="319"/>
        </pc:sldMkLst>
        <pc:picChg chg="add">
          <ac:chgData name="Lauge Holm Sørensen" userId="S::lahoso_food.dtu.dk#ext#@dksund.onmicrosoft.com::36edfa9c-897a-49e3-ab8c-b924de762b56" providerId="AD" clId="Web-{F359388F-79FD-42C2-B5ED-ACAB15D0366C}" dt="2023-05-12T11:57:21.932" v="87"/>
          <ac:picMkLst>
            <pc:docMk/>
            <pc:sldMk cId="2705506384" sldId="319"/>
            <ac:picMk id="75" creationId="{83A3CC97-1DC5-C381-CFBB-4A27DBAE945B}"/>
          </ac:picMkLst>
        </pc:picChg>
      </pc:sldChg>
      <pc:sldChg chg="addSp delSp modSp">
        <pc:chgData name="Lauge Holm Sørensen" userId="S::lahoso_food.dtu.dk#ext#@dksund.onmicrosoft.com::36edfa9c-897a-49e3-ab8c-b924de762b56" providerId="AD" clId="Web-{F359388F-79FD-42C2-B5ED-ACAB15D0366C}" dt="2023-05-12T11:58:26.171" v="106"/>
        <pc:sldMkLst>
          <pc:docMk/>
          <pc:sldMk cId="1567099201" sldId="320"/>
        </pc:sldMkLst>
        <pc:picChg chg="add">
          <ac:chgData name="Lauge Holm Sørensen" userId="S::lahoso_food.dtu.dk#ext#@dksund.onmicrosoft.com::36edfa9c-897a-49e3-ab8c-b924de762b56" providerId="AD" clId="Web-{F359388F-79FD-42C2-B5ED-ACAB15D0366C}" dt="2023-05-12T11:58:17.420" v="103"/>
          <ac:picMkLst>
            <pc:docMk/>
            <pc:sldMk cId="1567099201" sldId="320"/>
            <ac:picMk id="7" creationId="{BE52109A-E001-F5B4-1351-FDF9082B5A63}"/>
          </ac:picMkLst>
        </pc:picChg>
        <pc:picChg chg="add del mod">
          <ac:chgData name="Lauge Holm Sørensen" userId="S::lahoso_food.dtu.dk#ext#@dksund.onmicrosoft.com::36edfa9c-897a-49e3-ab8c-b924de762b56" providerId="AD" clId="Web-{F359388F-79FD-42C2-B5ED-ACAB15D0366C}" dt="2023-05-12T11:58:26.171" v="106"/>
          <ac:picMkLst>
            <pc:docMk/>
            <pc:sldMk cId="1567099201" sldId="320"/>
            <ac:picMk id="11" creationId="{F083378C-6E6B-E662-CECB-39C1B5C2C0AA}"/>
          </ac:picMkLst>
        </pc:picChg>
      </pc:sldChg>
      <pc:sldChg chg="addSp">
        <pc:chgData name="Lauge Holm Sørensen" userId="S::lahoso_food.dtu.dk#ext#@dksund.onmicrosoft.com::36edfa9c-897a-49e3-ab8c-b924de762b56" providerId="AD" clId="Web-{F359388F-79FD-42C2-B5ED-ACAB15D0366C}" dt="2023-05-12T11:57:46.621" v="95"/>
        <pc:sldMkLst>
          <pc:docMk/>
          <pc:sldMk cId="1913311533" sldId="321"/>
        </pc:sldMkLst>
        <pc:picChg chg="add">
          <ac:chgData name="Lauge Holm Sørensen" userId="S::lahoso_food.dtu.dk#ext#@dksund.onmicrosoft.com::36edfa9c-897a-49e3-ab8c-b924de762b56" providerId="AD" clId="Web-{F359388F-79FD-42C2-B5ED-ACAB15D0366C}" dt="2023-05-12T11:57:46.621" v="95"/>
          <ac:picMkLst>
            <pc:docMk/>
            <pc:sldMk cId="1913311533" sldId="321"/>
            <ac:picMk id="6" creationId="{05E1ECE8-E970-10F3-ACEA-5203B02B4F0C}"/>
          </ac:picMkLst>
        </pc:picChg>
      </pc:sldChg>
      <pc:sldChg chg="addSp modSp">
        <pc:chgData name="Lauge Holm Sørensen" userId="S::lahoso_food.dtu.dk#ext#@dksund.onmicrosoft.com::36edfa9c-897a-49e3-ab8c-b924de762b56" providerId="AD" clId="Web-{F359388F-79FD-42C2-B5ED-ACAB15D0366C}" dt="2023-05-12T11:59:01.673" v="113" actId="1076"/>
        <pc:sldMkLst>
          <pc:docMk/>
          <pc:sldMk cId="513332782" sldId="324"/>
        </pc:sldMkLst>
        <pc:picChg chg="add mod">
          <ac:chgData name="Lauge Holm Sørensen" userId="S::lahoso_food.dtu.dk#ext#@dksund.onmicrosoft.com::36edfa9c-897a-49e3-ab8c-b924de762b56" providerId="AD" clId="Web-{F359388F-79FD-42C2-B5ED-ACAB15D0366C}" dt="2023-05-12T11:59:01.673" v="113" actId="1076"/>
          <ac:picMkLst>
            <pc:docMk/>
            <pc:sldMk cId="513332782" sldId="324"/>
            <ac:picMk id="12" creationId="{D392A835-7936-A740-44DF-4DA1676AE3B2}"/>
          </ac:picMkLst>
        </pc:picChg>
      </pc:sldChg>
      <pc:sldChg chg="addSp">
        <pc:chgData name="Lauge Holm Sørensen" userId="S::lahoso_food.dtu.dk#ext#@dksund.onmicrosoft.com::36edfa9c-897a-49e3-ab8c-b924de762b56" providerId="AD" clId="Web-{F359388F-79FD-42C2-B5ED-ACAB15D0366C}" dt="2023-05-12T11:59:03.283" v="114"/>
        <pc:sldMkLst>
          <pc:docMk/>
          <pc:sldMk cId="2862148383" sldId="325"/>
        </pc:sldMkLst>
        <pc:picChg chg="add">
          <ac:chgData name="Lauge Holm Sørensen" userId="S::lahoso_food.dtu.dk#ext#@dksund.onmicrosoft.com::36edfa9c-897a-49e3-ab8c-b924de762b56" providerId="AD" clId="Web-{F359388F-79FD-42C2-B5ED-ACAB15D0366C}" dt="2023-05-12T11:59:03.283" v="114"/>
          <ac:picMkLst>
            <pc:docMk/>
            <pc:sldMk cId="2862148383" sldId="325"/>
            <ac:picMk id="6" creationId="{7545155E-4776-4E77-541F-15C5A06E20F6}"/>
          </ac:picMkLst>
        </pc:picChg>
      </pc:sldChg>
      <pc:sldChg chg="addSp">
        <pc:chgData name="Lauge Holm Sørensen" userId="S::lahoso_food.dtu.dk#ext#@dksund.onmicrosoft.com::36edfa9c-897a-49e3-ab8c-b924de762b56" providerId="AD" clId="Web-{F359388F-79FD-42C2-B5ED-ACAB15D0366C}" dt="2023-05-12T11:59:05.939" v="115"/>
        <pc:sldMkLst>
          <pc:docMk/>
          <pc:sldMk cId="2209086295" sldId="326"/>
        </pc:sldMkLst>
        <pc:picChg chg="add">
          <ac:chgData name="Lauge Holm Sørensen" userId="S::lahoso_food.dtu.dk#ext#@dksund.onmicrosoft.com::36edfa9c-897a-49e3-ab8c-b924de762b56" providerId="AD" clId="Web-{F359388F-79FD-42C2-B5ED-ACAB15D0366C}" dt="2023-05-12T11:59:05.939" v="115"/>
          <ac:picMkLst>
            <pc:docMk/>
            <pc:sldMk cId="2209086295" sldId="326"/>
            <ac:picMk id="17" creationId="{93C39631-6075-17BE-CAA3-4E36938CB6D1}"/>
          </ac:picMkLst>
        </pc:picChg>
      </pc:sldChg>
      <pc:sldChg chg="addSp">
        <pc:chgData name="Lauge Holm Sørensen" userId="S::lahoso_food.dtu.dk#ext#@dksund.onmicrosoft.com::36edfa9c-897a-49e3-ab8c-b924de762b56" providerId="AD" clId="Web-{F359388F-79FD-42C2-B5ED-ACAB15D0366C}" dt="2023-05-12T12:00:22.600" v="137"/>
        <pc:sldMkLst>
          <pc:docMk/>
          <pc:sldMk cId="3546189699" sldId="327"/>
        </pc:sldMkLst>
        <pc:picChg chg="add">
          <ac:chgData name="Lauge Holm Sørensen" userId="S::lahoso_food.dtu.dk#ext#@dksund.onmicrosoft.com::36edfa9c-897a-49e3-ab8c-b924de762b56" providerId="AD" clId="Web-{F359388F-79FD-42C2-B5ED-ACAB15D0366C}" dt="2023-05-12T12:00:22.600" v="137"/>
          <ac:picMkLst>
            <pc:docMk/>
            <pc:sldMk cId="3546189699" sldId="327"/>
            <ac:picMk id="7" creationId="{12975516-738A-34A5-4863-750B73E095D8}"/>
          </ac:picMkLst>
        </pc:picChg>
      </pc:sldChg>
      <pc:sldChg chg="addSp modSp">
        <pc:chgData name="Lauge Holm Sørensen" userId="S::lahoso_food.dtu.dk#ext#@dksund.onmicrosoft.com::36edfa9c-897a-49e3-ab8c-b924de762b56" providerId="AD" clId="Web-{F359388F-79FD-42C2-B5ED-ACAB15D0366C}" dt="2023-05-12T12:00:36.601" v="141"/>
        <pc:sldMkLst>
          <pc:docMk/>
          <pc:sldMk cId="2783031511" sldId="329"/>
        </pc:sldMkLst>
        <pc:picChg chg="add ord">
          <ac:chgData name="Lauge Holm Sørensen" userId="S::lahoso_food.dtu.dk#ext#@dksund.onmicrosoft.com::36edfa9c-897a-49e3-ab8c-b924de762b56" providerId="AD" clId="Web-{F359388F-79FD-42C2-B5ED-ACAB15D0366C}" dt="2023-05-12T12:00:36.601" v="141"/>
          <ac:picMkLst>
            <pc:docMk/>
            <pc:sldMk cId="2783031511" sldId="329"/>
            <ac:picMk id="7" creationId="{F447B94D-2D2B-3D61-C9A5-2A4AFEC04A8C}"/>
          </ac:picMkLst>
        </pc:picChg>
      </pc:sldChg>
      <pc:sldChg chg="addSp">
        <pc:chgData name="Lauge Holm Sørensen" userId="S::lahoso_food.dtu.dk#ext#@dksund.onmicrosoft.com::36edfa9c-897a-49e3-ab8c-b924de762b56" providerId="AD" clId="Web-{F359388F-79FD-42C2-B5ED-ACAB15D0366C}" dt="2023-05-12T12:00:39.445" v="142"/>
        <pc:sldMkLst>
          <pc:docMk/>
          <pc:sldMk cId="33829107" sldId="330"/>
        </pc:sldMkLst>
        <pc:picChg chg="add">
          <ac:chgData name="Lauge Holm Sørensen" userId="S::lahoso_food.dtu.dk#ext#@dksund.onmicrosoft.com::36edfa9c-897a-49e3-ab8c-b924de762b56" providerId="AD" clId="Web-{F359388F-79FD-42C2-B5ED-ACAB15D0366C}" dt="2023-05-12T12:00:39.445" v="142"/>
          <ac:picMkLst>
            <pc:docMk/>
            <pc:sldMk cId="33829107" sldId="330"/>
            <ac:picMk id="3" creationId="{75162914-DDDB-357C-A0B4-1F1E0AF7F7EF}"/>
          </ac:picMkLst>
        </pc:picChg>
      </pc:sldChg>
      <pc:sldChg chg="addSp">
        <pc:chgData name="Lauge Holm Sørensen" userId="S::lahoso_food.dtu.dk#ext#@dksund.onmicrosoft.com::36edfa9c-897a-49e3-ab8c-b924de762b56" providerId="AD" clId="Web-{F359388F-79FD-42C2-B5ED-ACAB15D0366C}" dt="2023-05-12T12:00:42.227" v="143"/>
        <pc:sldMkLst>
          <pc:docMk/>
          <pc:sldMk cId="2618660595" sldId="331"/>
        </pc:sldMkLst>
        <pc:picChg chg="add">
          <ac:chgData name="Lauge Holm Sørensen" userId="S::lahoso_food.dtu.dk#ext#@dksund.onmicrosoft.com::36edfa9c-897a-49e3-ab8c-b924de762b56" providerId="AD" clId="Web-{F359388F-79FD-42C2-B5ED-ACAB15D0366C}" dt="2023-05-12T12:00:42.227" v="143"/>
          <ac:picMkLst>
            <pc:docMk/>
            <pc:sldMk cId="2618660595" sldId="331"/>
            <ac:picMk id="6" creationId="{BDC1A62A-0C6E-4504-D7AE-DBC5EB2B19A6}"/>
          </ac:picMkLst>
        </pc:picChg>
      </pc:sldChg>
      <pc:sldChg chg="addSp">
        <pc:chgData name="Lauge Holm Sørensen" userId="S::lahoso_food.dtu.dk#ext#@dksund.onmicrosoft.com::36edfa9c-897a-49e3-ab8c-b924de762b56" providerId="AD" clId="Web-{F359388F-79FD-42C2-B5ED-ACAB15D0366C}" dt="2023-05-12T12:00:44.867" v="144"/>
        <pc:sldMkLst>
          <pc:docMk/>
          <pc:sldMk cId="1208551594" sldId="332"/>
        </pc:sldMkLst>
        <pc:picChg chg="add">
          <ac:chgData name="Lauge Holm Sørensen" userId="S::lahoso_food.dtu.dk#ext#@dksund.onmicrosoft.com::36edfa9c-897a-49e3-ab8c-b924de762b56" providerId="AD" clId="Web-{F359388F-79FD-42C2-B5ED-ACAB15D0366C}" dt="2023-05-12T12:00:44.867" v="144"/>
          <ac:picMkLst>
            <pc:docMk/>
            <pc:sldMk cId="1208551594" sldId="332"/>
            <ac:picMk id="6" creationId="{FCA53155-7601-C17C-D7E7-CE5602759C03}"/>
          </ac:picMkLst>
        </pc:picChg>
      </pc:sldChg>
      <pc:sldChg chg="addSp">
        <pc:chgData name="Lauge Holm Sørensen" userId="S::lahoso_food.dtu.dk#ext#@dksund.onmicrosoft.com::36edfa9c-897a-49e3-ab8c-b924de762b56" providerId="AD" clId="Web-{F359388F-79FD-42C2-B5ED-ACAB15D0366C}" dt="2023-05-12T12:00:20.131" v="136"/>
        <pc:sldMkLst>
          <pc:docMk/>
          <pc:sldMk cId="1732001441" sldId="334"/>
        </pc:sldMkLst>
        <pc:picChg chg="add">
          <ac:chgData name="Lauge Holm Sørensen" userId="S::lahoso_food.dtu.dk#ext#@dksund.onmicrosoft.com::36edfa9c-897a-49e3-ab8c-b924de762b56" providerId="AD" clId="Web-{F359388F-79FD-42C2-B5ED-ACAB15D0366C}" dt="2023-05-12T12:00:20.131" v="136"/>
          <ac:picMkLst>
            <pc:docMk/>
            <pc:sldMk cId="1732001441" sldId="334"/>
            <ac:picMk id="3" creationId="{A4B7FF5A-34FC-54C2-E619-B6E49BB86893}"/>
          </ac:picMkLst>
        </pc:picChg>
      </pc:sldChg>
      <pc:sldChg chg="addSp modSp">
        <pc:chgData name="Lauge Holm Sørensen" userId="S::lahoso_food.dtu.dk#ext#@dksund.onmicrosoft.com::36edfa9c-897a-49e3-ab8c-b924de762b56" providerId="AD" clId="Web-{F359388F-79FD-42C2-B5ED-ACAB15D0366C}" dt="2023-05-12T11:59:56.474" v="129"/>
        <pc:sldMkLst>
          <pc:docMk/>
          <pc:sldMk cId="480203581" sldId="335"/>
        </pc:sldMkLst>
        <pc:picChg chg="add ord">
          <ac:chgData name="Lauge Holm Sørensen" userId="S::lahoso_food.dtu.dk#ext#@dksund.onmicrosoft.com::36edfa9c-897a-49e3-ab8c-b924de762b56" providerId="AD" clId="Web-{F359388F-79FD-42C2-B5ED-ACAB15D0366C}" dt="2023-05-12T11:59:56.474" v="129"/>
          <ac:picMkLst>
            <pc:docMk/>
            <pc:sldMk cId="480203581" sldId="335"/>
            <ac:picMk id="7" creationId="{0C1A9CA2-8C96-BFE3-3810-C33BC6BEBC76}"/>
          </ac:picMkLst>
        </pc:picChg>
      </pc:sldChg>
      <pc:sldChg chg="addSp modSp">
        <pc:chgData name="Lauge Holm Sørensen" userId="S::lahoso_food.dtu.dk#ext#@dksund.onmicrosoft.com::36edfa9c-897a-49e3-ab8c-b924de762b56" providerId="AD" clId="Web-{F359388F-79FD-42C2-B5ED-ACAB15D0366C}" dt="2023-05-12T12:00:03.630" v="131"/>
        <pc:sldMkLst>
          <pc:docMk/>
          <pc:sldMk cId="1185554103" sldId="336"/>
        </pc:sldMkLst>
        <pc:picChg chg="add ord">
          <ac:chgData name="Lauge Holm Sørensen" userId="S::lahoso_food.dtu.dk#ext#@dksund.onmicrosoft.com::36edfa9c-897a-49e3-ab8c-b924de762b56" providerId="AD" clId="Web-{F359388F-79FD-42C2-B5ED-ACAB15D0366C}" dt="2023-05-12T12:00:03.630" v="131"/>
          <ac:picMkLst>
            <pc:docMk/>
            <pc:sldMk cId="1185554103" sldId="336"/>
            <ac:picMk id="5" creationId="{C0A84825-7960-CE8A-78B6-0F028B1CAEA4}"/>
          </ac:picMkLst>
        </pc:picChg>
      </pc:sldChg>
      <pc:sldChg chg="addSp modSp">
        <pc:chgData name="Lauge Holm Sørensen" userId="S::lahoso_food.dtu.dk#ext#@dksund.onmicrosoft.com::36edfa9c-897a-49e3-ab8c-b924de762b56" providerId="AD" clId="Web-{F359388F-79FD-42C2-B5ED-ACAB15D0366C}" dt="2023-05-12T12:00:09.943" v="133"/>
        <pc:sldMkLst>
          <pc:docMk/>
          <pc:sldMk cId="3795028228" sldId="337"/>
        </pc:sldMkLst>
        <pc:picChg chg="add ord">
          <ac:chgData name="Lauge Holm Sørensen" userId="S::lahoso_food.dtu.dk#ext#@dksund.onmicrosoft.com::36edfa9c-897a-49e3-ab8c-b924de762b56" providerId="AD" clId="Web-{F359388F-79FD-42C2-B5ED-ACAB15D0366C}" dt="2023-05-12T12:00:09.943" v="133"/>
          <ac:picMkLst>
            <pc:docMk/>
            <pc:sldMk cId="3795028228" sldId="337"/>
            <ac:picMk id="8" creationId="{22C929F5-3C34-9285-4CC0-77504C0A4112}"/>
          </ac:picMkLst>
        </pc:picChg>
      </pc:sldChg>
      <pc:sldChg chg="addSp modSp">
        <pc:chgData name="Lauge Holm Sørensen" userId="S::lahoso_food.dtu.dk#ext#@dksund.onmicrosoft.com::36edfa9c-897a-49e3-ab8c-b924de762b56" providerId="AD" clId="Web-{F359388F-79FD-42C2-B5ED-ACAB15D0366C}" dt="2023-05-12T12:00:17.678" v="135"/>
        <pc:sldMkLst>
          <pc:docMk/>
          <pc:sldMk cId="3538475427" sldId="338"/>
        </pc:sldMkLst>
        <pc:picChg chg="add ord">
          <ac:chgData name="Lauge Holm Sørensen" userId="S::lahoso_food.dtu.dk#ext#@dksund.onmicrosoft.com::36edfa9c-897a-49e3-ab8c-b924de762b56" providerId="AD" clId="Web-{F359388F-79FD-42C2-B5ED-ACAB15D0366C}" dt="2023-05-12T12:00:17.678" v="135"/>
          <ac:picMkLst>
            <pc:docMk/>
            <pc:sldMk cId="3538475427" sldId="338"/>
            <ac:picMk id="8" creationId="{9148383F-8179-168C-B3BB-9DB8630A685E}"/>
          </ac:picMkLst>
        </pc:picChg>
      </pc:sldChg>
      <pc:sldChg chg="addSp delSp modSp">
        <pc:chgData name="Lauge Holm Sørensen" userId="S::lahoso_food.dtu.dk#ext#@dksund.onmicrosoft.com::36edfa9c-897a-49e3-ab8c-b924de762b56" providerId="AD" clId="Web-{F359388F-79FD-42C2-B5ED-ACAB15D0366C}" dt="2023-05-12T11:57:10.666" v="84"/>
        <pc:sldMkLst>
          <pc:docMk/>
          <pc:sldMk cId="3740023394" sldId="339"/>
        </pc:sldMkLst>
        <pc:picChg chg="add del mod">
          <ac:chgData name="Lauge Holm Sørensen" userId="S::lahoso_food.dtu.dk#ext#@dksund.onmicrosoft.com::36edfa9c-897a-49e3-ab8c-b924de762b56" providerId="AD" clId="Web-{F359388F-79FD-42C2-B5ED-ACAB15D0366C}" dt="2023-05-12T11:56:51.087" v="81"/>
          <ac:picMkLst>
            <pc:docMk/>
            <pc:sldMk cId="3740023394" sldId="339"/>
            <ac:picMk id="2" creationId="{45D63697-D456-E2AA-D7B5-095CB7DCF0E9}"/>
          </ac:picMkLst>
        </pc:picChg>
        <pc:picChg chg="add">
          <ac:chgData name="Lauge Holm Sørensen" userId="S::lahoso_food.dtu.dk#ext#@dksund.onmicrosoft.com::36edfa9c-897a-49e3-ab8c-b924de762b56" providerId="AD" clId="Web-{F359388F-79FD-42C2-B5ED-ACAB15D0366C}" dt="2023-05-12T11:57:10.666" v="84"/>
          <ac:picMkLst>
            <pc:docMk/>
            <pc:sldMk cId="3740023394" sldId="339"/>
            <ac:picMk id="6" creationId="{67BCFCBA-FC02-1C7F-CA7E-B6E080993CAD}"/>
          </ac:picMkLst>
        </pc:picChg>
      </pc:sldChg>
      <pc:sldChg chg="addSp modSp">
        <pc:chgData name="Lauge Holm Sørensen" userId="S::lahoso_food.dtu.dk#ext#@dksund.onmicrosoft.com::36edfa9c-897a-49e3-ab8c-b924de762b56" providerId="AD" clId="Web-{F359388F-79FD-42C2-B5ED-ACAB15D0366C}" dt="2023-05-12T11:59:40.191" v="126"/>
        <pc:sldMkLst>
          <pc:docMk/>
          <pc:sldMk cId="3333831874" sldId="341"/>
        </pc:sldMkLst>
        <pc:picChg chg="add ord">
          <ac:chgData name="Lauge Holm Sørensen" userId="S::lahoso_food.dtu.dk#ext#@dksund.onmicrosoft.com::36edfa9c-897a-49e3-ab8c-b924de762b56" providerId="AD" clId="Web-{F359388F-79FD-42C2-B5ED-ACAB15D0366C}" dt="2023-05-12T11:59:40.191" v="126"/>
          <ac:picMkLst>
            <pc:docMk/>
            <pc:sldMk cId="3333831874" sldId="341"/>
            <ac:picMk id="15" creationId="{CC4B0080-DA19-A4FA-E340-09CD241FC9F0}"/>
          </ac:picMkLst>
        </pc:picChg>
      </pc:sldChg>
      <pc:sldChg chg="addSp">
        <pc:chgData name="Lauge Holm Sørensen" userId="S::lahoso_food.dtu.dk#ext#@dksund.onmicrosoft.com::36edfa9c-897a-49e3-ab8c-b924de762b56" providerId="AD" clId="Web-{F359388F-79FD-42C2-B5ED-ACAB15D0366C}" dt="2023-05-12T11:57:41.512" v="93"/>
        <pc:sldMkLst>
          <pc:docMk/>
          <pc:sldMk cId="30657239" sldId="342"/>
        </pc:sldMkLst>
        <pc:picChg chg="add">
          <ac:chgData name="Lauge Holm Sørensen" userId="S::lahoso_food.dtu.dk#ext#@dksund.onmicrosoft.com::36edfa9c-897a-49e3-ab8c-b924de762b56" providerId="AD" clId="Web-{F359388F-79FD-42C2-B5ED-ACAB15D0366C}" dt="2023-05-12T11:57:41.512" v="93"/>
          <ac:picMkLst>
            <pc:docMk/>
            <pc:sldMk cId="30657239" sldId="342"/>
            <ac:picMk id="8" creationId="{4E529546-0466-98D3-B7F1-A065459104E4}"/>
          </ac:picMkLst>
        </pc:picChg>
      </pc:sldChg>
      <pc:sldChg chg="addSp">
        <pc:chgData name="Lauge Holm Sørensen" userId="S::lahoso_food.dtu.dk#ext#@dksund.onmicrosoft.com::36edfa9c-897a-49e3-ab8c-b924de762b56" providerId="AD" clId="Web-{F359388F-79FD-42C2-B5ED-ACAB15D0366C}" dt="2023-05-12T11:59:10.314" v="116"/>
        <pc:sldMkLst>
          <pc:docMk/>
          <pc:sldMk cId="62719607" sldId="343"/>
        </pc:sldMkLst>
        <pc:picChg chg="add">
          <ac:chgData name="Lauge Holm Sørensen" userId="S::lahoso_food.dtu.dk#ext#@dksund.onmicrosoft.com::36edfa9c-897a-49e3-ab8c-b924de762b56" providerId="AD" clId="Web-{F359388F-79FD-42C2-B5ED-ACAB15D0366C}" dt="2023-05-12T11:59:10.314" v="116"/>
          <ac:picMkLst>
            <pc:docMk/>
            <pc:sldMk cId="62719607" sldId="343"/>
            <ac:picMk id="7" creationId="{E2DEACD5-3662-2F16-5467-137673910D6D}"/>
          </ac:picMkLst>
        </pc:picChg>
      </pc:sldChg>
      <pc:sldChg chg="addSp">
        <pc:chgData name="Lauge Holm Sørensen" userId="S::lahoso_food.dtu.dk#ext#@dksund.onmicrosoft.com::36edfa9c-897a-49e3-ab8c-b924de762b56" providerId="AD" clId="Web-{F359388F-79FD-42C2-B5ED-ACAB15D0366C}" dt="2023-05-12T11:59:13.252" v="117"/>
        <pc:sldMkLst>
          <pc:docMk/>
          <pc:sldMk cId="3760615259" sldId="344"/>
        </pc:sldMkLst>
        <pc:picChg chg="add">
          <ac:chgData name="Lauge Holm Sørensen" userId="S::lahoso_food.dtu.dk#ext#@dksund.onmicrosoft.com::36edfa9c-897a-49e3-ab8c-b924de762b56" providerId="AD" clId="Web-{F359388F-79FD-42C2-B5ED-ACAB15D0366C}" dt="2023-05-12T11:59:13.252" v="117"/>
          <ac:picMkLst>
            <pc:docMk/>
            <pc:sldMk cId="3760615259" sldId="344"/>
            <ac:picMk id="6" creationId="{1E85F424-72E0-E881-71E2-7167B728F778}"/>
          </ac:picMkLst>
        </pc:picChg>
      </pc:sldChg>
      <pc:sldChg chg="addSp">
        <pc:chgData name="Lauge Holm Sørensen" userId="S::lahoso_food.dtu.dk#ext#@dksund.onmicrosoft.com::36edfa9c-897a-49e3-ab8c-b924de762b56" providerId="AD" clId="Web-{F359388F-79FD-42C2-B5ED-ACAB15D0366C}" dt="2023-05-12T11:59:14.612" v="118"/>
        <pc:sldMkLst>
          <pc:docMk/>
          <pc:sldMk cId="3549023788" sldId="347"/>
        </pc:sldMkLst>
        <pc:picChg chg="add">
          <ac:chgData name="Lauge Holm Sørensen" userId="S::lahoso_food.dtu.dk#ext#@dksund.onmicrosoft.com::36edfa9c-897a-49e3-ab8c-b924de762b56" providerId="AD" clId="Web-{F359388F-79FD-42C2-B5ED-ACAB15D0366C}" dt="2023-05-12T11:59:14.612" v="118"/>
          <ac:picMkLst>
            <pc:docMk/>
            <pc:sldMk cId="3549023788" sldId="347"/>
            <ac:picMk id="5" creationId="{CE5B74CC-63A1-77E1-23E4-A3C5B2ED0096}"/>
          </ac:picMkLst>
        </pc:picChg>
      </pc:sldChg>
      <pc:sldChg chg="addSp">
        <pc:chgData name="Lauge Holm Sørensen" userId="S::lahoso_food.dtu.dk#ext#@dksund.onmicrosoft.com::36edfa9c-897a-49e3-ab8c-b924de762b56" providerId="AD" clId="Web-{F359388F-79FD-42C2-B5ED-ACAB15D0366C}" dt="2023-05-12T11:59:15.612" v="119"/>
        <pc:sldMkLst>
          <pc:docMk/>
          <pc:sldMk cId="2379907958" sldId="348"/>
        </pc:sldMkLst>
        <pc:picChg chg="add">
          <ac:chgData name="Lauge Holm Sørensen" userId="S::lahoso_food.dtu.dk#ext#@dksund.onmicrosoft.com::36edfa9c-897a-49e3-ab8c-b924de762b56" providerId="AD" clId="Web-{F359388F-79FD-42C2-B5ED-ACAB15D0366C}" dt="2023-05-12T11:59:15.612" v="119"/>
          <ac:picMkLst>
            <pc:docMk/>
            <pc:sldMk cId="2379907958" sldId="348"/>
            <ac:picMk id="5" creationId="{3F0DE858-A496-44A6-2550-E13F3508FFB7}"/>
          </ac:picMkLst>
        </pc:picChg>
      </pc:sldChg>
      <pc:sldChg chg="addSp">
        <pc:chgData name="Lauge Holm Sørensen" userId="S::lahoso_food.dtu.dk#ext#@dksund.onmicrosoft.com::36edfa9c-897a-49e3-ab8c-b924de762b56" providerId="AD" clId="Web-{F359388F-79FD-42C2-B5ED-ACAB15D0366C}" dt="2023-05-12T11:59:18.909" v="120"/>
        <pc:sldMkLst>
          <pc:docMk/>
          <pc:sldMk cId="1926791499" sldId="350"/>
        </pc:sldMkLst>
        <pc:picChg chg="add">
          <ac:chgData name="Lauge Holm Sørensen" userId="S::lahoso_food.dtu.dk#ext#@dksund.onmicrosoft.com::36edfa9c-897a-49e3-ab8c-b924de762b56" providerId="AD" clId="Web-{F359388F-79FD-42C2-B5ED-ACAB15D0366C}" dt="2023-05-12T11:59:18.909" v="120"/>
          <ac:picMkLst>
            <pc:docMk/>
            <pc:sldMk cId="1926791499" sldId="350"/>
            <ac:picMk id="5" creationId="{01F7512A-1BBC-FB39-4545-B933703A2803}"/>
          </ac:picMkLst>
        </pc:picChg>
      </pc:sldChg>
      <pc:sldChg chg="addSp">
        <pc:chgData name="Lauge Holm Sørensen" userId="S::lahoso_food.dtu.dk#ext#@dksund.onmicrosoft.com::36edfa9c-897a-49e3-ab8c-b924de762b56" providerId="AD" clId="Web-{F359388F-79FD-42C2-B5ED-ACAB15D0366C}" dt="2023-05-12T11:59:19.784" v="121"/>
        <pc:sldMkLst>
          <pc:docMk/>
          <pc:sldMk cId="400681006" sldId="351"/>
        </pc:sldMkLst>
        <pc:picChg chg="add">
          <ac:chgData name="Lauge Holm Sørensen" userId="S::lahoso_food.dtu.dk#ext#@dksund.onmicrosoft.com::36edfa9c-897a-49e3-ab8c-b924de762b56" providerId="AD" clId="Web-{F359388F-79FD-42C2-B5ED-ACAB15D0366C}" dt="2023-05-12T11:59:19.784" v="121"/>
          <ac:picMkLst>
            <pc:docMk/>
            <pc:sldMk cId="400681006" sldId="351"/>
            <ac:picMk id="5" creationId="{161E7DD6-C9BD-739F-BFB6-6591BF6F5EB1}"/>
          </ac:picMkLst>
        </pc:picChg>
      </pc:sldChg>
      <pc:sldChg chg="modSp add">
        <pc:chgData name="Lauge Holm Sørensen" userId="S::lahoso_food.dtu.dk#ext#@dksund.onmicrosoft.com::36edfa9c-897a-49e3-ab8c-b924de762b56" providerId="AD" clId="Web-{F359388F-79FD-42C2-B5ED-ACAB15D0366C}" dt="2023-05-12T11:55:23.143" v="74" actId="20577"/>
        <pc:sldMkLst>
          <pc:docMk/>
          <pc:sldMk cId="2359053494" sldId="352"/>
        </pc:sldMkLst>
        <pc:spChg chg="mod">
          <ac:chgData name="Lauge Holm Sørensen" userId="S::lahoso_food.dtu.dk#ext#@dksund.onmicrosoft.com::36edfa9c-897a-49e3-ab8c-b924de762b56" providerId="AD" clId="Web-{F359388F-79FD-42C2-B5ED-ACAB15D0366C}" dt="2023-05-12T11:55:23.143" v="74" actId="20577"/>
          <ac:spMkLst>
            <pc:docMk/>
            <pc:sldMk cId="2359053494" sldId="352"/>
            <ac:spMk id="3" creationId="{C21C4AFD-5C52-2C0D-629B-A4565532A594}"/>
          </ac:spMkLst>
        </pc:spChg>
      </pc:sldChg>
      <pc:sldMasterChg chg="modSldLayout">
        <pc:chgData name="Lauge Holm Sørensen" userId="S::lahoso_food.dtu.dk#ext#@dksund.onmicrosoft.com::36edfa9c-897a-49e3-ab8c-b924de762b56" providerId="AD" clId="Web-{F359388F-79FD-42C2-B5ED-ACAB15D0366C}" dt="2023-05-12T11:52:22.116" v="0"/>
        <pc:sldMasterMkLst>
          <pc:docMk/>
          <pc:sldMasterMk cId="2454702602" sldId="2147483662"/>
        </pc:sldMasterMkLst>
        <pc:sldLayoutChg chg="replId">
          <pc:chgData name="Lauge Holm Sørensen" userId="S::lahoso_food.dtu.dk#ext#@dksund.onmicrosoft.com::36edfa9c-897a-49e3-ab8c-b924de762b56" providerId="AD" clId="Web-{F359388F-79FD-42C2-B5ED-ACAB15D0366C}" dt="2023-05-12T11:52:22.116" v="0"/>
          <pc:sldLayoutMkLst>
            <pc:docMk/>
            <pc:sldMasterMk cId="2454702602" sldId="2147483662"/>
            <pc:sldLayoutMk cId="120845512" sldId="2147483678"/>
          </pc:sldLayoutMkLst>
        </pc:sldLayoutChg>
        <pc:sldLayoutChg chg="replId">
          <pc:chgData name="Lauge Holm Sørensen" userId="S::lahoso_food.dtu.dk#ext#@dksund.onmicrosoft.com::36edfa9c-897a-49e3-ab8c-b924de762b56" providerId="AD" clId="Web-{F359388F-79FD-42C2-B5ED-ACAB15D0366C}" dt="2023-05-12T11:52:22.116" v="0"/>
          <pc:sldLayoutMkLst>
            <pc:docMk/>
            <pc:sldMasterMk cId="2454702602" sldId="2147483662"/>
            <pc:sldLayoutMk cId="2669264705" sldId="2147483679"/>
          </pc:sldLayoutMkLst>
        </pc:sldLayoutChg>
        <pc:sldLayoutChg chg="replId">
          <pc:chgData name="Lauge Holm Sørensen" userId="S::lahoso_food.dtu.dk#ext#@dksund.onmicrosoft.com::36edfa9c-897a-49e3-ab8c-b924de762b56" providerId="AD" clId="Web-{F359388F-79FD-42C2-B5ED-ACAB15D0366C}" dt="2023-05-12T11:52:22.116" v="0"/>
          <pc:sldLayoutMkLst>
            <pc:docMk/>
            <pc:sldMasterMk cId="2454702602" sldId="2147483662"/>
            <pc:sldLayoutMk cId="2321786107" sldId="2147483680"/>
          </pc:sldLayoutMkLst>
        </pc:sldLayoutChg>
      </pc:sldMasterChg>
      <pc:sldMasterChg chg="add addSldLayout">
        <pc:chgData name="Lauge Holm Sørensen" userId="S::lahoso_food.dtu.dk#ext#@dksund.onmicrosoft.com::36edfa9c-897a-49e3-ab8c-b924de762b56" providerId="AD" clId="Web-{F359388F-79FD-42C2-B5ED-ACAB15D0366C}" dt="2023-05-12T11:52:22.116" v="0"/>
        <pc:sldMasterMkLst>
          <pc:docMk/>
          <pc:sldMasterMk cId="1872824447" sldId="2147483666"/>
        </pc:sldMasterMkLst>
        <pc:sldLayoutChg chg="add">
          <pc:chgData name="Lauge Holm Sørensen" userId="S::lahoso_food.dtu.dk#ext#@dksund.onmicrosoft.com::36edfa9c-897a-49e3-ab8c-b924de762b56" providerId="AD" clId="Web-{F359388F-79FD-42C2-B5ED-ACAB15D0366C}" dt="2023-05-12T11:52:22.116" v="0"/>
          <pc:sldLayoutMkLst>
            <pc:docMk/>
            <pc:sldMasterMk cId="1872824447" sldId="2147483666"/>
            <pc:sldLayoutMk cId="395877708" sldId="2147483667"/>
          </pc:sldLayoutMkLst>
        </pc:sldLayoutChg>
        <pc:sldLayoutChg chg="add">
          <pc:chgData name="Lauge Holm Sørensen" userId="S::lahoso_food.dtu.dk#ext#@dksund.onmicrosoft.com::36edfa9c-897a-49e3-ab8c-b924de762b56" providerId="AD" clId="Web-{F359388F-79FD-42C2-B5ED-ACAB15D0366C}" dt="2023-05-12T11:52:22.116" v="0"/>
          <pc:sldLayoutMkLst>
            <pc:docMk/>
            <pc:sldMasterMk cId="1872824447" sldId="2147483666"/>
            <pc:sldLayoutMk cId="427259985" sldId="2147483668"/>
          </pc:sldLayoutMkLst>
        </pc:sldLayoutChg>
      </pc:sldMasterChg>
    </pc:docChg>
  </pc:docChgLst>
  <pc:docChgLst>
    <pc:chgData name="Lauge Holm Sørensen" userId="S::lahoso_food.dtu.dk#ext#@dksund.onmicrosoft.com::36edfa9c-897a-49e3-ab8c-b924de762b56" providerId="AD" clId="Web-{8CB50189-0E39-4B14-9A67-9DBAA706907F}"/>
    <pc:docChg chg="delSld">
      <pc:chgData name="Lauge Holm Sørensen" userId="S::lahoso_food.dtu.dk#ext#@dksund.onmicrosoft.com::36edfa9c-897a-49e3-ab8c-b924de762b56" providerId="AD" clId="Web-{8CB50189-0E39-4B14-9A67-9DBAA706907F}" dt="2023-05-12T11:19:37.945" v="0"/>
      <pc:docMkLst>
        <pc:docMk/>
      </pc:docMkLst>
      <pc:sldChg chg="del">
        <pc:chgData name="Lauge Holm Sørensen" userId="S::lahoso_food.dtu.dk#ext#@dksund.onmicrosoft.com::36edfa9c-897a-49e3-ab8c-b924de762b56" providerId="AD" clId="Web-{8CB50189-0E39-4B14-9A67-9DBAA706907F}" dt="2023-05-12T11:19:37.945" v="0"/>
        <pc:sldMkLst>
          <pc:docMk/>
          <pc:sldMk cId="3487164908" sldId="340"/>
        </pc:sldMkLst>
      </pc:sldChg>
    </pc:docChg>
  </pc:docChgLst>
  <pc:docChgLst>
    <pc:chgData name="Lauge Holm Sørensen" userId="S::lahoso_food.dtu.dk#ext#@dksund.onmicrosoft.com::36edfa9c-897a-49e3-ab8c-b924de762b56" providerId="AD" clId="Web-{2E2008D3-0990-4B34-9B37-3204DBAB6C80}"/>
    <pc:docChg chg="addSld delSld modSld sldOrd">
      <pc:chgData name="Lauge Holm Sørensen" userId="S::lahoso_food.dtu.dk#ext#@dksund.onmicrosoft.com::36edfa9c-897a-49e3-ab8c-b924de762b56" providerId="AD" clId="Web-{2E2008D3-0990-4B34-9B37-3204DBAB6C80}" dt="2023-04-28T08:50:16.089" v="1721" actId="20577"/>
      <pc:docMkLst>
        <pc:docMk/>
      </pc:docMkLst>
      <pc:sldChg chg="modSp">
        <pc:chgData name="Lauge Holm Sørensen" userId="S::lahoso_food.dtu.dk#ext#@dksund.onmicrosoft.com::36edfa9c-897a-49e3-ab8c-b924de762b56" providerId="AD" clId="Web-{2E2008D3-0990-4B34-9B37-3204DBAB6C80}" dt="2023-04-28T05:50:20.342" v="34" actId="20577"/>
        <pc:sldMkLst>
          <pc:docMk/>
          <pc:sldMk cId="1483027898" sldId="268"/>
        </pc:sldMkLst>
        <pc:spChg chg="mod">
          <ac:chgData name="Lauge Holm Sørensen" userId="S::lahoso_food.dtu.dk#ext#@dksund.onmicrosoft.com::36edfa9c-897a-49e3-ab8c-b924de762b56" providerId="AD" clId="Web-{2E2008D3-0990-4B34-9B37-3204DBAB6C80}" dt="2023-04-28T05:50:20.342" v="34" actId="20577"/>
          <ac:spMkLst>
            <pc:docMk/>
            <pc:sldMk cId="1483027898" sldId="268"/>
            <ac:spMk id="6" creationId="{5A5890CD-8F90-4FE7-841F-F7B0C2865BA2}"/>
          </ac:spMkLst>
        </pc:spChg>
      </pc:sldChg>
      <pc:sldChg chg="addSp delSp modSp">
        <pc:chgData name="Lauge Holm Sørensen" userId="S::lahoso_food.dtu.dk#ext#@dksund.onmicrosoft.com::36edfa9c-897a-49e3-ab8c-b924de762b56" providerId="AD" clId="Web-{2E2008D3-0990-4B34-9B37-3204DBAB6C80}" dt="2023-04-28T07:56:04.900" v="305" actId="20577"/>
        <pc:sldMkLst>
          <pc:docMk/>
          <pc:sldMk cId="1522583885" sldId="272"/>
        </pc:sldMkLst>
        <pc:spChg chg="del">
          <ac:chgData name="Lauge Holm Sørensen" userId="S::lahoso_food.dtu.dk#ext#@dksund.onmicrosoft.com::36edfa9c-897a-49e3-ab8c-b924de762b56" providerId="AD" clId="Web-{2E2008D3-0990-4B34-9B37-3204DBAB6C80}" dt="2023-04-28T06:39:05.485" v="35"/>
          <ac:spMkLst>
            <pc:docMk/>
            <pc:sldMk cId="1522583885" sldId="272"/>
            <ac:spMk id="6" creationId="{5A5890CD-8F90-4FE7-841F-F7B0C2865BA2}"/>
          </ac:spMkLst>
        </pc:spChg>
        <pc:spChg chg="add mod">
          <ac:chgData name="Lauge Holm Sørensen" userId="S::lahoso_food.dtu.dk#ext#@dksund.onmicrosoft.com::36edfa9c-897a-49e3-ab8c-b924de762b56" providerId="AD" clId="Web-{2E2008D3-0990-4B34-9B37-3204DBAB6C80}" dt="2023-04-28T07:56:04.900" v="305" actId="20577"/>
          <ac:spMkLst>
            <pc:docMk/>
            <pc:sldMk cId="1522583885" sldId="272"/>
            <ac:spMk id="7" creationId="{2F263F01-46AE-0D9A-322B-828FB7F5C43E}"/>
          </ac:spMkLst>
        </pc:spChg>
        <pc:picChg chg="add del mod ord">
          <ac:chgData name="Lauge Holm Sørensen" userId="S::lahoso_food.dtu.dk#ext#@dksund.onmicrosoft.com::36edfa9c-897a-49e3-ab8c-b924de762b56" providerId="AD" clId="Web-{2E2008D3-0990-4B34-9B37-3204DBAB6C80}" dt="2023-04-28T06:44:19.237" v="60"/>
          <ac:picMkLst>
            <pc:docMk/>
            <pc:sldMk cId="1522583885" sldId="272"/>
            <ac:picMk id="2" creationId="{AB6237AA-1151-945A-FBA6-5000E3884019}"/>
          </ac:picMkLst>
        </pc:picChg>
      </pc:sldChg>
      <pc:sldChg chg="addSp delSp modSp ord">
        <pc:chgData name="Lauge Holm Sørensen" userId="S::lahoso_food.dtu.dk#ext#@dksund.onmicrosoft.com::36edfa9c-897a-49e3-ab8c-b924de762b56" providerId="AD" clId="Web-{2E2008D3-0990-4B34-9B37-3204DBAB6C80}" dt="2023-04-28T08:27:05.221" v="904" actId="14100"/>
        <pc:sldMkLst>
          <pc:docMk/>
          <pc:sldMk cId="3105538874" sldId="274"/>
        </pc:sldMkLst>
        <pc:spChg chg="ord">
          <ac:chgData name="Lauge Holm Sørensen" userId="S::lahoso_food.dtu.dk#ext#@dksund.onmicrosoft.com::36edfa9c-897a-49e3-ab8c-b924de762b56" providerId="AD" clId="Web-{2E2008D3-0990-4B34-9B37-3204DBAB6C80}" dt="2023-04-28T08:16:42.774" v="331"/>
          <ac:spMkLst>
            <pc:docMk/>
            <pc:sldMk cId="3105538874" sldId="274"/>
            <ac:spMk id="5" creationId="{43AB9D89-4678-4B3C-8679-3E429EFBB2DD}"/>
          </ac:spMkLst>
        </pc:spChg>
        <pc:spChg chg="del">
          <ac:chgData name="Lauge Holm Sørensen" userId="S::lahoso_food.dtu.dk#ext#@dksund.onmicrosoft.com::36edfa9c-897a-49e3-ab8c-b924de762b56" providerId="AD" clId="Web-{2E2008D3-0990-4B34-9B37-3204DBAB6C80}" dt="2023-04-28T08:16:29.118" v="326"/>
          <ac:spMkLst>
            <pc:docMk/>
            <pc:sldMk cId="3105538874" sldId="274"/>
            <ac:spMk id="6" creationId="{5A5890CD-8F90-4FE7-841F-F7B0C2865BA2}"/>
          </ac:spMkLst>
        </pc:spChg>
        <pc:spChg chg="add mod">
          <ac:chgData name="Lauge Holm Sørensen" userId="S::lahoso_food.dtu.dk#ext#@dksund.onmicrosoft.com::36edfa9c-897a-49e3-ab8c-b924de762b56" providerId="AD" clId="Web-{2E2008D3-0990-4B34-9B37-3204DBAB6C80}" dt="2023-04-28T08:18:55.714" v="411" actId="20577"/>
          <ac:spMkLst>
            <pc:docMk/>
            <pc:sldMk cId="3105538874" sldId="274"/>
            <ac:spMk id="9" creationId="{56E8F5B0-BB85-9B4F-D77B-6B5F0BC0C8B1}"/>
          </ac:spMkLst>
        </pc:spChg>
        <pc:spChg chg="add del">
          <ac:chgData name="Lauge Holm Sørensen" userId="S::lahoso_food.dtu.dk#ext#@dksund.onmicrosoft.com::36edfa9c-897a-49e3-ab8c-b924de762b56" providerId="AD" clId="Web-{2E2008D3-0990-4B34-9B37-3204DBAB6C80}" dt="2023-04-28T08:19:03.308" v="413"/>
          <ac:spMkLst>
            <pc:docMk/>
            <pc:sldMk cId="3105538874" sldId="274"/>
            <ac:spMk id="11" creationId="{A0131726-9A87-C9E2-2A14-06E731ECC485}"/>
          </ac:spMkLst>
        </pc:spChg>
        <pc:spChg chg="add mod">
          <ac:chgData name="Lauge Holm Sørensen" userId="S::lahoso_food.dtu.dk#ext#@dksund.onmicrosoft.com::36edfa9c-897a-49e3-ab8c-b924de762b56" providerId="AD" clId="Web-{2E2008D3-0990-4B34-9B37-3204DBAB6C80}" dt="2023-04-28T08:27:05.221" v="904" actId="14100"/>
          <ac:spMkLst>
            <pc:docMk/>
            <pc:sldMk cId="3105538874" sldId="274"/>
            <ac:spMk id="15" creationId="{4C93D62F-02B3-8E18-4724-D6F3312C7CEC}"/>
          </ac:spMkLst>
        </pc:spChg>
        <pc:picChg chg="add del mod">
          <ac:chgData name="Lauge Holm Sørensen" userId="S::lahoso_food.dtu.dk#ext#@dksund.onmicrosoft.com::36edfa9c-897a-49e3-ab8c-b924de762b56" providerId="AD" clId="Web-{2E2008D3-0990-4B34-9B37-3204DBAB6C80}" dt="2023-04-28T08:24:02.187" v="713"/>
          <ac:picMkLst>
            <pc:docMk/>
            <pc:sldMk cId="3105538874" sldId="274"/>
            <ac:picMk id="2" creationId="{970B0E72-1FBD-4435-CB4F-1FEBF2559916}"/>
          </ac:picMkLst>
        </pc:picChg>
        <pc:picChg chg="add del mod">
          <ac:chgData name="Lauge Holm Sørensen" userId="S::lahoso_food.dtu.dk#ext#@dksund.onmicrosoft.com::36edfa9c-897a-49e3-ab8c-b924de762b56" providerId="AD" clId="Web-{2E2008D3-0990-4B34-9B37-3204DBAB6C80}" dt="2023-04-28T08:17:07.931" v="338"/>
          <ac:picMkLst>
            <pc:docMk/>
            <pc:sldMk cId="3105538874" sldId="274"/>
            <ac:picMk id="3" creationId="{D7F78E00-124E-B179-E0CF-04E661DC6BD1}"/>
          </ac:picMkLst>
        </pc:picChg>
        <pc:picChg chg="add del mod">
          <ac:chgData name="Lauge Holm Sørensen" userId="S::lahoso_food.dtu.dk#ext#@dksund.onmicrosoft.com::36edfa9c-897a-49e3-ab8c-b924de762b56" providerId="AD" clId="Web-{2E2008D3-0990-4B34-9B37-3204DBAB6C80}" dt="2023-04-28T08:17:20.103" v="340"/>
          <ac:picMkLst>
            <pc:docMk/>
            <pc:sldMk cId="3105538874" sldId="274"/>
            <ac:picMk id="7" creationId="{7375FD72-9B22-A252-B74B-731413EA6102}"/>
          </ac:picMkLst>
        </pc:picChg>
        <pc:picChg chg="add mod">
          <ac:chgData name="Lauge Holm Sørensen" userId="S::lahoso_food.dtu.dk#ext#@dksund.onmicrosoft.com::36edfa9c-897a-49e3-ab8c-b924de762b56" providerId="AD" clId="Web-{2E2008D3-0990-4B34-9B37-3204DBAB6C80}" dt="2023-04-28T08:24:11.500" v="717" actId="14100"/>
          <ac:picMkLst>
            <pc:docMk/>
            <pc:sldMk cId="3105538874" sldId="274"/>
            <ac:picMk id="12" creationId="{6FA53C66-1C67-498D-CF51-E4B925CB6678}"/>
          </ac:picMkLst>
        </pc:picChg>
        <pc:picChg chg="add del mod">
          <ac:chgData name="Lauge Holm Sørensen" userId="S::lahoso_food.dtu.dk#ext#@dksund.onmicrosoft.com::36edfa9c-897a-49e3-ab8c-b924de762b56" providerId="AD" clId="Web-{2E2008D3-0990-4B34-9B37-3204DBAB6C80}" dt="2023-04-28T08:24:18.328" v="719"/>
          <ac:picMkLst>
            <pc:docMk/>
            <pc:sldMk cId="3105538874" sldId="274"/>
            <ac:picMk id="13" creationId="{299678C1-007A-5687-B9AE-9C582A412121}"/>
          </ac:picMkLst>
        </pc:picChg>
      </pc:sldChg>
      <pc:sldChg chg="del">
        <pc:chgData name="Lauge Holm Sørensen" userId="S::lahoso_food.dtu.dk#ext#@dksund.onmicrosoft.com::36edfa9c-897a-49e3-ab8c-b924de762b56" providerId="AD" clId="Web-{2E2008D3-0990-4B34-9B37-3204DBAB6C80}" dt="2023-04-28T07:57:42.369" v="307"/>
        <pc:sldMkLst>
          <pc:docMk/>
          <pc:sldMk cId="1774019122" sldId="275"/>
        </pc:sldMkLst>
      </pc:sldChg>
      <pc:sldChg chg="modSp">
        <pc:chgData name="Lauge Holm Sørensen" userId="S::lahoso_food.dtu.dk#ext#@dksund.onmicrosoft.com::36edfa9c-897a-49e3-ab8c-b924de762b56" providerId="AD" clId="Web-{2E2008D3-0990-4B34-9B37-3204DBAB6C80}" dt="2023-04-28T07:39:50.062" v="83" actId="20577"/>
        <pc:sldMkLst>
          <pc:docMk/>
          <pc:sldMk cId="1592693399" sldId="317"/>
        </pc:sldMkLst>
        <pc:spChg chg="mod">
          <ac:chgData name="Lauge Holm Sørensen" userId="S::lahoso_food.dtu.dk#ext#@dksund.onmicrosoft.com::36edfa9c-897a-49e3-ab8c-b924de762b56" providerId="AD" clId="Web-{2E2008D3-0990-4B34-9B37-3204DBAB6C80}" dt="2023-04-28T07:39:50.062" v="83" actId="20577"/>
          <ac:spMkLst>
            <pc:docMk/>
            <pc:sldMk cId="1592693399" sldId="317"/>
            <ac:spMk id="6" creationId="{5A5890CD-8F90-4FE7-841F-F7B0C2865BA2}"/>
          </ac:spMkLst>
        </pc:spChg>
      </pc:sldChg>
      <pc:sldChg chg="addSp delSp modSp add replId">
        <pc:chgData name="Lauge Holm Sørensen" userId="S::lahoso_food.dtu.dk#ext#@dksund.onmicrosoft.com::36edfa9c-897a-49e3-ab8c-b924de762b56" providerId="AD" clId="Web-{2E2008D3-0990-4B34-9B37-3204DBAB6C80}" dt="2023-04-28T07:58:57.649" v="325" actId="20577"/>
        <pc:sldMkLst>
          <pc:docMk/>
          <pc:sldMk cId="3418497375" sldId="322"/>
        </pc:sldMkLst>
        <pc:spChg chg="del mod">
          <ac:chgData name="Lauge Holm Sørensen" userId="S::lahoso_food.dtu.dk#ext#@dksund.onmicrosoft.com::36edfa9c-897a-49e3-ab8c-b924de762b56" providerId="AD" clId="Web-{2E2008D3-0990-4B34-9B37-3204DBAB6C80}" dt="2023-04-28T07:58:01.119" v="312"/>
          <ac:spMkLst>
            <pc:docMk/>
            <pc:sldMk cId="3418497375" sldId="322"/>
            <ac:spMk id="5" creationId="{43AB9D89-4678-4B3C-8679-3E429EFBB2DD}"/>
          </ac:spMkLst>
        </pc:spChg>
        <pc:spChg chg="add del mod">
          <ac:chgData name="Lauge Holm Sørensen" userId="S::lahoso_food.dtu.dk#ext#@dksund.onmicrosoft.com::36edfa9c-897a-49e3-ab8c-b924de762b56" providerId="AD" clId="Web-{2E2008D3-0990-4B34-9B37-3204DBAB6C80}" dt="2023-04-28T06:41:59.939" v="42"/>
          <ac:spMkLst>
            <pc:docMk/>
            <pc:sldMk cId="3418497375" sldId="322"/>
            <ac:spMk id="6" creationId="{311720FF-B5ED-8694-7701-9872FC22E429}"/>
          </ac:spMkLst>
        </pc:spChg>
        <pc:spChg chg="add mod">
          <ac:chgData name="Lauge Holm Sørensen" userId="S::lahoso_food.dtu.dk#ext#@dksund.onmicrosoft.com::36edfa9c-897a-49e3-ab8c-b924de762b56" providerId="AD" clId="Web-{2E2008D3-0990-4B34-9B37-3204DBAB6C80}" dt="2023-04-28T07:58:57.649" v="325" actId="20577"/>
          <ac:spMkLst>
            <pc:docMk/>
            <pc:sldMk cId="3418497375" sldId="322"/>
            <ac:spMk id="9" creationId="{E2F39260-A4FE-4456-D2D3-5500D575B9BE}"/>
          </ac:spMkLst>
        </pc:spChg>
        <pc:picChg chg="del mod">
          <ac:chgData name="Lauge Holm Sørensen" userId="S::lahoso_food.dtu.dk#ext#@dksund.onmicrosoft.com::36edfa9c-897a-49e3-ab8c-b924de762b56" providerId="AD" clId="Web-{2E2008D3-0990-4B34-9B37-3204DBAB6C80}" dt="2023-04-28T06:41:37.564" v="41"/>
          <ac:picMkLst>
            <pc:docMk/>
            <pc:sldMk cId="3418497375" sldId="322"/>
            <ac:picMk id="2" creationId="{AB6237AA-1151-945A-FBA6-5000E3884019}"/>
          </ac:picMkLst>
        </pc:picChg>
        <pc:picChg chg="add del mod modCrop">
          <ac:chgData name="Lauge Holm Sørensen" userId="S::lahoso_food.dtu.dk#ext#@dksund.onmicrosoft.com::36edfa9c-897a-49e3-ab8c-b924de762b56" providerId="AD" clId="Web-{2E2008D3-0990-4B34-9B37-3204DBAB6C80}" dt="2023-04-28T07:58:27.618" v="317" actId="1076"/>
          <ac:picMkLst>
            <pc:docMk/>
            <pc:sldMk cId="3418497375" sldId="322"/>
            <ac:picMk id="7" creationId="{74D3AD3D-5EB9-2A2C-5380-18372A4AFDD4}"/>
          </ac:picMkLst>
        </pc:picChg>
        <pc:picChg chg="add del mod">
          <ac:chgData name="Lauge Holm Sørensen" userId="S::lahoso_food.dtu.dk#ext#@dksund.onmicrosoft.com::36edfa9c-897a-49e3-ab8c-b924de762b56" providerId="AD" clId="Web-{2E2008D3-0990-4B34-9B37-3204DBAB6C80}" dt="2023-04-28T06:44:08.049" v="58"/>
          <ac:picMkLst>
            <pc:docMk/>
            <pc:sldMk cId="3418497375" sldId="322"/>
            <ac:picMk id="8" creationId="{B7DF26FB-7491-C979-D21F-33AD19314019}"/>
          </ac:picMkLst>
        </pc:picChg>
      </pc:sldChg>
      <pc:sldChg chg="delSp modSp add replId">
        <pc:chgData name="Lauge Holm Sørensen" userId="S::lahoso_food.dtu.dk#ext#@dksund.onmicrosoft.com::36edfa9c-897a-49e3-ab8c-b924de762b56" providerId="AD" clId="Web-{2E2008D3-0990-4B34-9B37-3204DBAB6C80}" dt="2023-04-28T07:57:49.087" v="309"/>
        <pc:sldMkLst>
          <pc:docMk/>
          <pc:sldMk cId="1652936770" sldId="323"/>
        </pc:sldMkLst>
        <pc:picChg chg="del">
          <ac:chgData name="Lauge Holm Sørensen" userId="S::lahoso_food.dtu.dk#ext#@dksund.onmicrosoft.com::36edfa9c-897a-49e3-ab8c-b924de762b56" providerId="AD" clId="Web-{2E2008D3-0990-4B34-9B37-3204DBAB6C80}" dt="2023-04-28T07:57:47.275" v="308"/>
          <ac:picMkLst>
            <pc:docMk/>
            <pc:sldMk cId="1652936770" sldId="323"/>
            <ac:picMk id="7" creationId="{74D3AD3D-5EB9-2A2C-5380-18372A4AFDD4}"/>
          </ac:picMkLst>
        </pc:picChg>
        <pc:picChg chg="del mod">
          <ac:chgData name="Lauge Holm Sørensen" userId="S::lahoso_food.dtu.dk#ext#@dksund.onmicrosoft.com::36edfa9c-897a-49e3-ab8c-b924de762b56" providerId="AD" clId="Web-{2E2008D3-0990-4B34-9B37-3204DBAB6C80}" dt="2023-04-28T07:57:49.087" v="309"/>
          <ac:picMkLst>
            <pc:docMk/>
            <pc:sldMk cId="1652936770" sldId="323"/>
            <ac:picMk id="8" creationId="{B7DF26FB-7491-C979-D21F-33AD19314019}"/>
          </ac:picMkLst>
        </pc:picChg>
      </pc:sldChg>
      <pc:sldChg chg="addSp delSp modSp add replId">
        <pc:chgData name="Lauge Holm Sørensen" userId="S::lahoso_food.dtu.dk#ext#@dksund.onmicrosoft.com::36edfa9c-897a-49e3-ab8c-b924de762b56" providerId="AD" clId="Web-{2E2008D3-0990-4B34-9B37-3204DBAB6C80}" dt="2023-04-28T08:24:22.922" v="721"/>
        <pc:sldMkLst>
          <pc:docMk/>
          <pc:sldMk cId="3546189699" sldId="327"/>
        </pc:sldMkLst>
        <pc:spChg chg="add del mod">
          <ac:chgData name="Lauge Holm Sørensen" userId="S::lahoso_food.dtu.dk#ext#@dksund.onmicrosoft.com::36edfa9c-897a-49e3-ab8c-b924de762b56" providerId="AD" clId="Web-{2E2008D3-0990-4B34-9B37-3204DBAB6C80}" dt="2023-04-28T08:24:22.922" v="721"/>
          <ac:spMkLst>
            <pc:docMk/>
            <pc:sldMk cId="3546189699" sldId="327"/>
            <ac:spMk id="3" creationId="{3E59369A-0733-4E8B-5F9E-C5AEA8A04BAF}"/>
          </ac:spMkLst>
        </pc:spChg>
      </pc:sldChg>
      <pc:sldChg chg="addSp delSp modSp add del replId">
        <pc:chgData name="Lauge Holm Sørensen" userId="S::lahoso_food.dtu.dk#ext#@dksund.onmicrosoft.com::36edfa9c-897a-49e3-ab8c-b924de762b56" providerId="AD" clId="Web-{2E2008D3-0990-4B34-9B37-3204DBAB6C80}" dt="2023-04-28T08:40:40.404" v="1356"/>
        <pc:sldMkLst>
          <pc:docMk/>
          <pc:sldMk cId="18875211" sldId="328"/>
        </pc:sldMkLst>
        <pc:spChg chg="mod">
          <ac:chgData name="Lauge Holm Sørensen" userId="S::lahoso_food.dtu.dk#ext#@dksund.onmicrosoft.com::36edfa9c-897a-49e3-ab8c-b924de762b56" providerId="AD" clId="Web-{2E2008D3-0990-4B34-9B37-3204DBAB6C80}" dt="2023-04-28T08:38:03.436" v="1207" actId="20577"/>
          <ac:spMkLst>
            <pc:docMk/>
            <pc:sldMk cId="18875211" sldId="328"/>
            <ac:spMk id="15" creationId="{4C93D62F-02B3-8E18-4724-D6F3312C7CEC}"/>
          </ac:spMkLst>
        </pc:spChg>
        <pc:picChg chg="add mod">
          <ac:chgData name="Lauge Holm Sørensen" userId="S::lahoso_food.dtu.dk#ext#@dksund.onmicrosoft.com::36edfa9c-897a-49e3-ab8c-b924de762b56" providerId="AD" clId="Web-{2E2008D3-0990-4B34-9B37-3204DBAB6C80}" dt="2023-04-28T08:27:38.925" v="910" actId="1076"/>
          <ac:picMkLst>
            <pc:docMk/>
            <pc:sldMk cId="18875211" sldId="328"/>
            <ac:picMk id="2" creationId="{751E7F5C-D67B-E191-1602-AA094295C89B}"/>
          </ac:picMkLst>
        </pc:picChg>
        <pc:picChg chg="add mod">
          <ac:chgData name="Lauge Holm Sørensen" userId="S::lahoso_food.dtu.dk#ext#@dksund.onmicrosoft.com::36edfa9c-897a-49e3-ab8c-b924de762b56" providerId="AD" clId="Web-{2E2008D3-0990-4B34-9B37-3204DBAB6C80}" dt="2023-04-28T08:27:52.378" v="914" actId="1076"/>
          <ac:picMkLst>
            <pc:docMk/>
            <pc:sldMk cId="18875211" sldId="328"/>
            <ac:picMk id="3" creationId="{96FD7E9D-C151-B258-B8EA-453C0E533A53}"/>
          </ac:picMkLst>
        </pc:picChg>
        <pc:picChg chg="del">
          <ac:chgData name="Lauge Holm Sørensen" userId="S::lahoso_food.dtu.dk#ext#@dksund.onmicrosoft.com::36edfa9c-897a-49e3-ab8c-b924de762b56" providerId="AD" clId="Web-{2E2008D3-0990-4B34-9B37-3204DBAB6C80}" dt="2023-04-28T08:27:21.971" v="906"/>
          <ac:picMkLst>
            <pc:docMk/>
            <pc:sldMk cId="18875211" sldId="328"/>
            <ac:picMk id="12" creationId="{6FA53C66-1C67-498D-CF51-E4B925CB6678}"/>
          </ac:picMkLst>
        </pc:picChg>
      </pc:sldChg>
      <pc:sldChg chg="modSp add ord replId">
        <pc:chgData name="Lauge Holm Sørensen" userId="S::lahoso_food.dtu.dk#ext#@dksund.onmicrosoft.com::36edfa9c-897a-49e3-ab8c-b924de762b56" providerId="AD" clId="Web-{2E2008D3-0990-4B34-9B37-3204DBAB6C80}" dt="2023-04-28T08:40:38.982" v="1355"/>
        <pc:sldMkLst>
          <pc:docMk/>
          <pc:sldMk cId="2783031511" sldId="329"/>
        </pc:sldMkLst>
        <pc:spChg chg="mod ord">
          <ac:chgData name="Lauge Holm Sørensen" userId="S::lahoso_food.dtu.dk#ext#@dksund.onmicrosoft.com::36edfa9c-897a-49e3-ab8c-b924de762b56" providerId="AD" clId="Web-{2E2008D3-0990-4B34-9B37-3204DBAB6C80}" dt="2023-04-28T08:40:24.951" v="1354" actId="20577"/>
          <ac:spMkLst>
            <pc:docMk/>
            <pc:sldMk cId="2783031511" sldId="329"/>
            <ac:spMk id="15" creationId="{4C93D62F-02B3-8E18-4724-D6F3312C7CEC}"/>
          </ac:spMkLst>
        </pc:spChg>
      </pc:sldChg>
      <pc:sldChg chg="addSp delSp modSp add replId">
        <pc:chgData name="Lauge Holm Sørensen" userId="S::lahoso_food.dtu.dk#ext#@dksund.onmicrosoft.com::36edfa9c-897a-49e3-ab8c-b924de762b56" providerId="AD" clId="Web-{2E2008D3-0990-4B34-9B37-3204DBAB6C80}" dt="2023-04-28T08:50:16.089" v="1721" actId="20577"/>
        <pc:sldMkLst>
          <pc:docMk/>
          <pc:sldMk cId="33829107" sldId="330"/>
        </pc:sldMkLst>
        <pc:spChg chg="mod">
          <ac:chgData name="Lauge Holm Sørensen" userId="S::lahoso_food.dtu.dk#ext#@dksund.onmicrosoft.com::36edfa9c-897a-49e3-ab8c-b924de762b56" providerId="AD" clId="Web-{2E2008D3-0990-4B34-9B37-3204DBAB6C80}" dt="2023-04-28T08:41:39.826" v="1368" actId="1076"/>
          <ac:spMkLst>
            <pc:docMk/>
            <pc:sldMk cId="33829107" sldId="330"/>
            <ac:spMk id="9" creationId="{56E8F5B0-BB85-9B4F-D77B-6B5F0BC0C8B1}"/>
          </ac:spMkLst>
        </pc:spChg>
        <pc:spChg chg="mod">
          <ac:chgData name="Lauge Holm Sørensen" userId="S::lahoso_food.dtu.dk#ext#@dksund.onmicrosoft.com::36edfa9c-897a-49e3-ab8c-b924de762b56" providerId="AD" clId="Web-{2E2008D3-0990-4B34-9B37-3204DBAB6C80}" dt="2023-04-28T08:50:16.089" v="1721" actId="20577"/>
          <ac:spMkLst>
            <pc:docMk/>
            <pc:sldMk cId="33829107" sldId="330"/>
            <ac:spMk id="15" creationId="{4C93D62F-02B3-8E18-4724-D6F3312C7CEC}"/>
          </ac:spMkLst>
        </pc:spChg>
        <pc:picChg chg="del">
          <ac:chgData name="Lauge Holm Sørensen" userId="S::lahoso_food.dtu.dk#ext#@dksund.onmicrosoft.com::36edfa9c-897a-49e3-ab8c-b924de762b56" providerId="AD" clId="Web-{2E2008D3-0990-4B34-9B37-3204DBAB6C80}" dt="2023-04-28T08:40:55.092" v="1359"/>
          <ac:picMkLst>
            <pc:docMk/>
            <pc:sldMk cId="33829107" sldId="330"/>
            <ac:picMk id="2" creationId="{751E7F5C-D67B-E191-1602-AA094295C89B}"/>
          </ac:picMkLst>
        </pc:picChg>
        <pc:picChg chg="del">
          <ac:chgData name="Lauge Holm Sørensen" userId="S::lahoso_food.dtu.dk#ext#@dksund.onmicrosoft.com::36edfa9c-897a-49e3-ab8c-b924de762b56" providerId="AD" clId="Web-{2E2008D3-0990-4B34-9B37-3204DBAB6C80}" dt="2023-04-28T08:40:55.717" v="1360"/>
          <ac:picMkLst>
            <pc:docMk/>
            <pc:sldMk cId="33829107" sldId="330"/>
            <ac:picMk id="3" creationId="{96FD7E9D-C151-B258-B8EA-453C0E533A53}"/>
          </ac:picMkLst>
        </pc:picChg>
        <pc:picChg chg="add mod ord">
          <ac:chgData name="Lauge Holm Sørensen" userId="S::lahoso_food.dtu.dk#ext#@dksund.onmicrosoft.com::36edfa9c-897a-49e3-ab8c-b924de762b56" providerId="AD" clId="Web-{2E2008D3-0990-4B34-9B37-3204DBAB6C80}" dt="2023-04-28T08:41:33.716" v="1367"/>
          <ac:picMkLst>
            <pc:docMk/>
            <pc:sldMk cId="33829107" sldId="330"/>
            <ac:picMk id="6" creationId="{D11F9F4C-52A2-092A-7537-A716FBBE04A5}"/>
          </ac:picMkLst>
        </pc:picChg>
      </pc:sldChg>
      <pc:sldChg chg="add del replId">
        <pc:chgData name="Lauge Holm Sørensen" userId="S::lahoso_food.dtu.dk#ext#@dksund.onmicrosoft.com::36edfa9c-897a-49e3-ab8c-b924de762b56" providerId="AD" clId="Web-{2E2008D3-0990-4B34-9B37-3204DBAB6C80}" dt="2023-04-28T08:40:43.123" v="1357"/>
        <pc:sldMkLst>
          <pc:docMk/>
          <pc:sldMk cId="3560740119" sldId="330"/>
        </pc:sldMkLst>
      </pc:sldChg>
    </pc:docChg>
  </pc:docChgLst>
  <pc:docChgLst>
    <pc:chgData name="Lauge Holm Sørensen" userId="S::lahoso_food.dtu.dk#ext#@dksund.onmicrosoft.com::36edfa9c-897a-49e3-ab8c-b924de762b56" providerId="AD" clId="Web-{D995173D-1FCA-410E-B771-E11F135A1C27}"/>
    <pc:docChg chg="addSld delSld modSld">
      <pc:chgData name="Lauge Holm Sørensen" userId="S::lahoso_food.dtu.dk#ext#@dksund.onmicrosoft.com::36edfa9c-897a-49e3-ab8c-b924de762b56" providerId="AD" clId="Web-{D995173D-1FCA-410E-B771-E11F135A1C27}" dt="2023-04-28T12:37:29.370" v="953" actId="20577"/>
      <pc:docMkLst>
        <pc:docMk/>
      </pc:docMkLst>
      <pc:sldChg chg="modSp">
        <pc:chgData name="Lauge Holm Sørensen" userId="S::lahoso_food.dtu.dk#ext#@dksund.onmicrosoft.com::36edfa9c-897a-49e3-ab8c-b924de762b56" providerId="AD" clId="Web-{D995173D-1FCA-410E-B771-E11F135A1C27}" dt="2023-04-28T12:37:29.370" v="953" actId="20577"/>
        <pc:sldMkLst>
          <pc:docMk/>
          <pc:sldMk cId="1796381250" sldId="257"/>
        </pc:sldMkLst>
        <pc:spChg chg="mod">
          <ac:chgData name="Lauge Holm Sørensen" userId="S::lahoso_food.dtu.dk#ext#@dksund.onmicrosoft.com::36edfa9c-897a-49e3-ab8c-b924de762b56" providerId="AD" clId="Web-{D995173D-1FCA-410E-B771-E11F135A1C27}" dt="2023-04-28T12:37:29.370" v="953" actId="20577"/>
          <ac:spMkLst>
            <pc:docMk/>
            <pc:sldMk cId="1796381250" sldId="257"/>
            <ac:spMk id="6" creationId="{5A5890CD-8F90-4FE7-841F-F7B0C2865BA2}"/>
          </ac:spMkLst>
        </pc:spChg>
      </pc:sldChg>
      <pc:sldChg chg="modSp">
        <pc:chgData name="Lauge Holm Sørensen" userId="S::lahoso_food.dtu.dk#ext#@dksund.onmicrosoft.com::36edfa9c-897a-49e3-ab8c-b924de762b56" providerId="AD" clId="Web-{D995173D-1FCA-410E-B771-E11F135A1C27}" dt="2023-04-28T11:59:10.092" v="476" actId="1076"/>
        <pc:sldMkLst>
          <pc:docMk/>
          <pc:sldMk cId="3923957460" sldId="263"/>
        </pc:sldMkLst>
        <pc:spChg chg="mod">
          <ac:chgData name="Lauge Holm Sørensen" userId="S::lahoso_food.dtu.dk#ext#@dksund.onmicrosoft.com::36edfa9c-897a-49e3-ab8c-b924de762b56" providerId="AD" clId="Web-{D995173D-1FCA-410E-B771-E11F135A1C27}" dt="2023-04-28T11:59:10.092" v="476" actId="1076"/>
          <ac:spMkLst>
            <pc:docMk/>
            <pc:sldMk cId="3923957460" sldId="263"/>
            <ac:spMk id="7" creationId="{00000000-0000-0000-0000-000000000000}"/>
          </ac:spMkLst>
        </pc:spChg>
      </pc:sldChg>
      <pc:sldChg chg="modSp">
        <pc:chgData name="Lauge Holm Sørensen" userId="S::lahoso_food.dtu.dk#ext#@dksund.onmicrosoft.com::36edfa9c-897a-49e3-ab8c-b924de762b56" providerId="AD" clId="Web-{D995173D-1FCA-410E-B771-E11F135A1C27}" dt="2023-04-28T11:58:07.372" v="465" actId="20577"/>
        <pc:sldMkLst>
          <pc:docMk/>
          <pc:sldMk cId="4223503101" sldId="264"/>
        </pc:sldMkLst>
        <pc:spChg chg="mod">
          <ac:chgData name="Lauge Holm Sørensen" userId="S::lahoso_food.dtu.dk#ext#@dksund.onmicrosoft.com::36edfa9c-897a-49e3-ab8c-b924de762b56" providerId="AD" clId="Web-{D995173D-1FCA-410E-B771-E11F135A1C27}" dt="2023-04-28T11:58:07.372" v="465" actId="20577"/>
          <ac:spMkLst>
            <pc:docMk/>
            <pc:sldMk cId="4223503101" sldId="264"/>
            <ac:spMk id="8" creationId="{8555EED9-FB5C-B563-4CAE-8DD231400AEF}"/>
          </ac:spMkLst>
        </pc:spChg>
      </pc:sldChg>
      <pc:sldChg chg="modSp">
        <pc:chgData name="Lauge Holm Sørensen" userId="S::lahoso_food.dtu.dk#ext#@dksund.onmicrosoft.com::36edfa9c-897a-49e3-ab8c-b924de762b56" providerId="AD" clId="Web-{D995173D-1FCA-410E-B771-E11F135A1C27}" dt="2023-04-28T11:32:25.847" v="230" actId="20577"/>
        <pc:sldMkLst>
          <pc:docMk/>
          <pc:sldMk cId="994672358" sldId="266"/>
        </pc:sldMkLst>
        <pc:spChg chg="mod">
          <ac:chgData name="Lauge Holm Sørensen" userId="S::lahoso_food.dtu.dk#ext#@dksund.onmicrosoft.com::36edfa9c-897a-49e3-ab8c-b924de762b56" providerId="AD" clId="Web-{D995173D-1FCA-410E-B771-E11F135A1C27}" dt="2023-04-28T11:31:53.612" v="216" actId="20577"/>
          <ac:spMkLst>
            <pc:docMk/>
            <pc:sldMk cId="994672358" sldId="266"/>
            <ac:spMk id="2" creationId="{6FEB92FA-1539-0E7A-D276-A5E4A7340758}"/>
          </ac:spMkLst>
        </pc:spChg>
        <pc:spChg chg="mod">
          <ac:chgData name="Lauge Holm Sørensen" userId="S::lahoso_food.dtu.dk#ext#@dksund.onmicrosoft.com::36edfa9c-897a-49e3-ab8c-b924de762b56" providerId="AD" clId="Web-{D995173D-1FCA-410E-B771-E11F135A1C27}" dt="2023-04-28T11:32:02.253" v="217" actId="1076"/>
          <ac:spMkLst>
            <pc:docMk/>
            <pc:sldMk cId="994672358" sldId="266"/>
            <ac:spMk id="3" creationId="{08648E40-DE82-40EF-D668-003F5B68122C}"/>
          </ac:spMkLst>
        </pc:spChg>
        <pc:spChg chg="mod">
          <ac:chgData name="Lauge Holm Sørensen" userId="S::lahoso_food.dtu.dk#ext#@dksund.onmicrosoft.com::36edfa9c-897a-49e3-ab8c-b924de762b56" providerId="AD" clId="Web-{D995173D-1FCA-410E-B771-E11F135A1C27}" dt="2023-04-28T11:32:25.847" v="230" actId="20577"/>
          <ac:spMkLst>
            <pc:docMk/>
            <pc:sldMk cId="994672358" sldId="266"/>
            <ac:spMk id="11" creationId="{944F5050-FC92-74F6-8B7F-F59786D6B77E}"/>
          </ac:spMkLst>
        </pc:spChg>
        <pc:picChg chg="mod">
          <ac:chgData name="Lauge Holm Sørensen" userId="S::lahoso_food.dtu.dk#ext#@dksund.onmicrosoft.com::36edfa9c-897a-49e3-ab8c-b924de762b56" providerId="AD" clId="Web-{D995173D-1FCA-410E-B771-E11F135A1C27}" dt="2023-04-28T11:32:06.456" v="218" actId="1076"/>
          <ac:picMkLst>
            <pc:docMk/>
            <pc:sldMk cId="994672358" sldId="266"/>
            <ac:picMk id="7" creationId="{00000000-0000-0000-0000-000000000000}"/>
          </ac:picMkLst>
        </pc:picChg>
      </pc:sldChg>
      <pc:sldChg chg="modSp">
        <pc:chgData name="Lauge Holm Sørensen" userId="S::lahoso_food.dtu.dk#ext#@dksund.onmicrosoft.com::36edfa9c-897a-49e3-ab8c-b924de762b56" providerId="AD" clId="Web-{D995173D-1FCA-410E-B771-E11F135A1C27}" dt="2023-04-28T12:24:49.674" v="741" actId="20577"/>
        <pc:sldMkLst>
          <pc:docMk/>
          <pc:sldMk cId="1592693399" sldId="317"/>
        </pc:sldMkLst>
        <pc:spChg chg="mod">
          <ac:chgData name="Lauge Holm Sørensen" userId="S::lahoso_food.dtu.dk#ext#@dksund.onmicrosoft.com::36edfa9c-897a-49e3-ab8c-b924de762b56" providerId="AD" clId="Web-{D995173D-1FCA-410E-B771-E11F135A1C27}" dt="2023-04-28T12:24:49.674" v="741" actId="20577"/>
          <ac:spMkLst>
            <pc:docMk/>
            <pc:sldMk cId="1592693399" sldId="317"/>
            <ac:spMk id="6" creationId="{5A5890CD-8F90-4FE7-841F-F7B0C2865BA2}"/>
          </ac:spMkLst>
        </pc:spChg>
      </pc:sldChg>
      <pc:sldChg chg="del">
        <pc:chgData name="Lauge Holm Sørensen" userId="S::lahoso_food.dtu.dk#ext#@dksund.onmicrosoft.com::36edfa9c-897a-49e3-ab8c-b924de762b56" providerId="AD" clId="Web-{D995173D-1FCA-410E-B771-E11F135A1C27}" dt="2023-04-28T11:47:39.980" v="381"/>
        <pc:sldMkLst>
          <pc:docMk/>
          <pc:sldMk cId="2526535005" sldId="333"/>
        </pc:sldMkLst>
      </pc:sldChg>
      <pc:sldChg chg="modSp">
        <pc:chgData name="Lauge Holm Sørensen" userId="S::lahoso_food.dtu.dk#ext#@dksund.onmicrosoft.com::36edfa9c-897a-49e3-ab8c-b924de762b56" providerId="AD" clId="Web-{D995173D-1FCA-410E-B771-E11F135A1C27}" dt="2023-04-28T11:31:02.751" v="199" actId="20577"/>
        <pc:sldMkLst>
          <pc:docMk/>
          <pc:sldMk cId="480203581" sldId="335"/>
        </pc:sldMkLst>
        <pc:spChg chg="mod">
          <ac:chgData name="Lauge Holm Sørensen" userId="S::lahoso_food.dtu.dk#ext#@dksund.onmicrosoft.com::36edfa9c-897a-49e3-ab8c-b924de762b56" providerId="AD" clId="Web-{D995173D-1FCA-410E-B771-E11F135A1C27}" dt="2023-04-28T11:31:02.751" v="199" actId="20577"/>
          <ac:spMkLst>
            <pc:docMk/>
            <pc:sldMk cId="480203581" sldId="335"/>
            <ac:spMk id="9" creationId="{E2F39260-A4FE-4456-D2D3-5500D575B9BE}"/>
          </ac:spMkLst>
        </pc:spChg>
      </pc:sldChg>
      <pc:sldChg chg="modSp add replId">
        <pc:chgData name="Lauge Holm Sørensen" userId="S::lahoso_food.dtu.dk#ext#@dksund.onmicrosoft.com::36edfa9c-897a-49e3-ab8c-b924de762b56" providerId="AD" clId="Web-{D995173D-1FCA-410E-B771-E11F135A1C27}" dt="2023-04-28T11:28:11.528" v="186" actId="20577"/>
        <pc:sldMkLst>
          <pc:docMk/>
          <pc:sldMk cId="3740023394" sldId="339"/>
        </pc:sldMkLst>
        <pc:spChg chg="mod">
          <ac:chgData name="Lauge Holm Sørensen" userId="S::lahoso_food.dtu.dk#ext#@dksund.onmicrosoft.com::36edfa9c-897a-49e3-ab8c-b924de762b56" providerId="AD" clId="Web-{D995173D-1FCA-410E-B771-E11F135A1C27}" dt="2023-04-28T11:20:44.079" v="7" actId="20577"/>
          <ac:spMkLst>
            <pc:docMk/>
            <pc:sldMk cId="3740023394" sldId="339"/>
            <ac:spMk id="5" creationId="{43AB9D89-4678-4B3C-8679-3E429EFBB2DD}"/>
          </ac:spMkLst>
        </pc:spChg>
        <pc:spChg chg="mod">
          <ac:chgData name="Lauge Holm Sørensen" userId="S::lahoso_food.dtu.dk#ext#@dksund.onmicrosoft.com::36edfa9c-897a-49e3-ab8c-b924de762b56" providerId="AD" clId="Web-{D995173D-1FCA-410E-B771-E11F135A1C27}" dt="2023-04-28T11:28:11.528" v="186" actId="20577"/>
          <ac:spMkLst>
            <pc:docMk/>
            <pc:sldMk cId="3740023394" sldId="339"/>
            <ac:spMk id="7" creationId="{2F263F01-46AE-0D9A-322B-828FB7F5C43E}"/>
          </ac:spMkLst>
        </pc:spChg>
      </pc:sldChg>
      <pc:sldChg chg="add del replId">
        <pc:chgData name="Lauge Holm Sørensen" userId="S::lahoso_food.dtu.dk#ext#@dksund.onmicrosoft.com::36edfa9c-897a-49e3-ab8c-b924de762b56" providerId="AD" clId="Web-{D995173D-1FCA-410E-B771-E11F135A1C27}" dt="2023-04-28T11:30:08.312" v="188"/>
        <pc:sldMkLst>
          <pc:docMk/>
          <pc:sldMk cId="553804367" sldId="340"/>
        </pc:sldMkLst>
      </pc:sldChg>
      <pc:sldChg chg="add replId">
        <pc:chgData name="Lauge Holm Sørensen" userId="S::lahoso_food.dtu.dk#ext#@dksund.onmicrosoft.com::36edfa9c-897a-49e3-ab8c-b924de762b56" providerId="AD" clId="Web-{D995173D-1FCA-410E-B771-E11F135A1C27}" dt="2023-04-28T11:31:10.705" v="200"/>
        <pc:sldMkLst>
          <pc:docMk/>
          <pc:sldMk cId="3487164908" sldId="340"/>
        </pc:sldMkLst>
      </pc:sldChg>
      <pc:sldChg chg="addSp modSp add replId">
        <pc:chgData name="Lauge Holm Sørensen" userId="S::lahoso_food.dtu.dk#ext#@dksund.onmicrosoft.com::36edfa9c-897a-49e3-ab8c-b924de762b56" providerId="AD" clId="Web-{D995173D-1FCA-410E-B771-E11F135A1C27}" dt="2023-04-28T11:47:06.573" v="380"/>
        <pc:sldMkLst>
          <pc:docMk/>
          <pc:sldMk cId="3333831874" sldId="341"/>
        </pc:sldMkLst>
        <pc:spChg chg="add mod">
          <ac:chgData name="Lauge Holm Sørensen" userId="S::lahoso_food.dtu.dk#ext#@dksund.onmicrosoft.com::36edfa9c-897a-49e3-ab8c-b924de762b56" providerId="AD" clId="Web-{D995173D-1FCA-410E-B771-E11F135A1C27}" dt="2023-04-28T11:46:52.370" v="377" actId="20577"/>
          <ac:spMkLst>
            <pc:docMk/>
            <pc:sldMk cId="3333831874" sldId="341"/>
            <ac:spMk id="6" creationId="{D7BBA555-B829-E209-2B0B-BED977FA6453}"/>
          </ac:spMkLst>
        </pc:spChg>
        <pc:spChg chg="add mod ord">
          <ac:chgData name="Lauge Holm Sørensen" userId="S::lahoso_food.dtu.dk#ext#@dksund.onmicrosoft.com::36edfa9c-897a-49e3-ab8c-b924de762b56" providerId="AD" clId="Web-{D995173D-1FCA-410E-B771-E11F135A1C27}" dt="2023-04-28T11:47:06.573" v="380"/>
          <ac:spMkLst>
            <pc:docMk/>
            <pc:sldMk cId="3333831874" sldId="341"/>
            <ac:spMk id="13" creationId="{1C9DBDC4-AB5B-52CA-2E8C-9DC42D65C714}"/>
          </ac:spMkLst>
        </pc:spChg>
      </pc:sldChg>
      <pc:sldChg chg="addSp delSp modSp add mod replId setBg">
        <pc:chgData name="Lauge Holm Sørensen" userId="S::lahoso_food.dtu.dk#ext#@dksund.onmicrosoft.com::36edfa9c-897a-49e3-ab8c-b924de762b56" providerId="AD" clId="Web-{D995173D-1FCA-410E-B771-E11F135A1C27}" dt="2023-04-28T12:35:47.525" v="924" actId="14100"/>
        <pc:sldMkLst>
          <pc:docMk/>
          <pc:sldMk cId="30657239" sldId="342"/>
        </pc:sldMkLst>
        <pc:spChg chg="mod ord">
          <ac:chgData name="Lauge Holm Sørensen" userId="S::lahoso_food.dtu.dk#ext#@dksund.onmicrosoft.com::36edfa9c-897a-49e3-ab8c-b924de762b56" providerId="AD" clId="Web-{D995173D-1FCA-410E-B771-E11F135A1C27}" dt="2023-04-28T12:30:15.740" v="854"/>
          <ac:spMkLst>
            <pc:docMk/>
            <pc:sldMk cId="30657239" sldId="342"/>
            <ac:spMk id="4" creationId="{00000000-0000-0000-0000-000000000000}"/>
          </ac:spMkLst>
        </pc:spChg>
        <pc:spChg chg="mod">
          <ac:chgData name="Lauge Holm Sørensen" userId="S::lahoso_food.dtu.dk#ext#@dksund.onmicrosoft.com::36edfa9c-897a-49e3-ab8c-b924de762b56" providerId="AD" clId="Web-{D995173D-1FCA-410E-B771-E11F135A1C27}" dt="2023-04-28T12:30:15.740" v="854"/>
          <ac:spMkLst>
            <pc:docMk/>
            <pc:sldMk cId="30657239" sldId="342"/>
            <ac:spMk id="5" creationId="{43AB9D89-4678-4B3C-8679-3E429EFBB2DD}"/>
          </ac:spMkLst>
        </pc:spChg>
        <pc:spChg chg="mod">
          <ac:chgData name="Lauge Holm Sørensen" userId="S::lahoso_food.dtu.dk#ext#@dksund.onmicrosoft.com::36edfa9c-897a-49e3-ab8c-b924de762b56" providerId="AD" clId="Web-{D995173D-1FCA-410E-B771-E11F135A1C27}" dt="2023-04-28T12:30:15.740" v="854"/>
          <ac:spMkLst>
            <pc:docMk/>
            <pc:sldMk cId="30657239" sldId="342"/>
            <ac:spMk id="6" creationId="{5A5890CD-8F90-4FE7-841F-F7B0C2865BA2}"/>
          </ac:spMkLst>
        </pc:spChg>
        <pc:spChg chg="del">
          <ac:chgData name="Lauge Holm Sørensen" userId="S::lahoso_food.dtu.dk#ext#@dksund.onmicrosoft.com::36edfa9c-897a-49e3-ab8c-b924de762b56" providerId="AD" clId="Web-{D995173D-1FCA-410E-B771-E11F135A1C27}" dt="2023-04-28T11:50:27.219" v="413"/>
          <ac:spMkLst>
            <pc:docMk/>
            <pc:sldMk cId="30657239" sldId="342"/>
            <ac:spMk id="7" creationId="{00000000-0000-0000-0000-000000000000}"/>
          </ac:spMkLst>
        </pc:spChg>
        <pc:spChg chg="add mod">
          <ac:chgData name="Lauge Holm Sørensen" userId="S::lahoso_food.dtu.dk#ext#@dksund.onmicrosoft.com::36edfa9c-897a-49e3-ab8c-b924de762b56" providerId="AD" clId="Web-{D995173D-1FCA-410E-B771-E11F135A1C27}" dt="2023-04-28T12:35:47.525" v="924" actId="14100"/>
          <ac:spMkLst>
            <pc:docMk/>
            <pc:sldMk cId="30657239" sldId="342"/>
            <ac:spMk id="7" creationId="{56EE967A-C742-84F0-C2B0-A256C030732E}"/>
          </ac:spMkLst>
        </pc:spChg>
        <pc:spChg chg="add del">
          <ac:chgData name="Lauge Holm Sørensen" userId="S::lahoso_food.dtu.dk#ext#@dksund.onmicrosoft.com::36edfa9c-897a-49e3-ab8c-b924de762b56" providerId="AD" clId="Web-{D995173D-1FCA-410E-B771-E11F135A1C27}" dt="2023-04-28T12:30:15.740" v="854"/>
          <ac:spMkLst>
            <pc:docMk/>
            <pc:sldMk cId="30657239" sldId="342"/>
            <ac:spMk id="11" creationId="{4F7EBAE4-9945-4473-9E34-B2C66EA0F03D}"/>
          </ac:spMkLst>
        </pc:spChg>
        <pc:spChg chg="add del">
          <ac:chgData name="Lauge Holm Sørensen" userId="S::lahoso_food.dtu.dk#ext#@dksund.onmicrosoft.com::36edfa9c-897a-49e3-ab8c-b924de762b56" providerId="AD" clId="Web-{D995173D-1FCA-410E-B771-E11F135A1C27}" dt="2023-04-28T12:30:15.740" v="854"/>
          <ac:spMkLst>
            <pc:docMk/>
            <pc:sldMk cId="30657239" sldId="342"/>
            <ac:spMk id="13" creationId="{70BEB1E7-2F88-40BC-B73D-42E5B6F80BFC}"/>
          </ac:spMkLst>
        </pc:spChg>
        <pc:spChg chg="add del">
          <ac:chgData name="Lauge Holm Sørensen" userId="S::lahoso_food.dtu.dk#ext#@dksund.onmicrosoft.com::36edfa9c-897a-49e3-ab8c-b924de762b56" providerId="AD" clId="Web-{D995173D-1FCA-410E-B771-E11F135A1C27}" dt="2023-04-28T12:30:15.740" v="854"/>
          <ac:spMkLst>
            <pc:docMk/>
            <pc:sldMk cId="30657239" sldId="342"/>
            <ac:spMk id="15" creationId="{A7B99495-F43F-4D80-A44F-2CB4764EB90B}"/>
          </ac:spMkLst>
        </pc:spChg>
        <pc:picChg chg="del">
          <ac:chgData name="Lauge Holm Sørensen" userId="S::lahoso_food.dtu.dk#ext#@dksund.onmicrosoft.com::36edfa9c-897a-49e3-ab8c-b924de762b56" providerId="AD" clId="Web-{D995173D-1FCA-410E-B771-E11F135A1C27}" dt="2023-04-28T11:50:24.703" v="412"/>
          <ac:picMkLst>
            <pc:docMk/>
            <pc:sldMk cId="30657239" sldId="342"/>
            <ac:picMk id="2" creationId="{00000000-0000-0000-0000-000000000000}"/>
          </ac:picMkLst>
        </pc:picChg>
        <pc:picChg chg="add mod">
          <ac:chgData name="Lauge Holm Sørensen" userId="S::lahoso_food.dtu.dk#ext#@dksund.onmicrosoft.com::36edfa9c-897a-49e3-ab8c-b924de762b56" providerId="AD" clId="Web-{D995173D-1FCA-410E-B771-E11F135A1C27}" dt="2023-04-28T12:31:04.553" v="858"/>
          <ac:picMkLst>
            <pc:docMk/>
            <pc:sldMk cId="30657239" sldId="342"/>
            <ac:picMk id="2" creationId="{69DE2AF6-DA48-050E-55D1-94F0AA6034EA}"/>
          </ac:picMkLst>
        </pc:picChg>
      </pc:sldChg>
    </pc:docChg>
  </pc:docChgLst>
  <pc:docChgLst>
    <pc:chgData name="Lauge Holm Sørensen" userId="S::lahoso_food.dtu.dk#ext#@dksund.onmicrosoft.com::36edfa9c-897a-49e3-ab8c-b924de762b56" providerId="AD" clId="Web-{EDA7A7F0-2F32-44BF-8F4D-42C1AA2EAEF8}"/>
    <pc:docChg chg="addSld delSld modSld sldOrd">
      <pc:chgData name="Lauge Holm Sørensen" userId="S::lahoso_food.dtu.dk#ext#@dksund.onmicrosoft.com::36edfa9c-897a-49e3-ab8c-b924de762b56" providerId="AD" clId="Web-{EDA7A7F0-2F32-44BF-8F4D-42C1AA2EAEF8}" dt="2023-04-28T11:09:55.420" v="1229" actId="20577"/>
      <pc:docMkLst>
        <pc:docMk/>
      </pc:docMkLst>
      <pc:sldChg chg="modSp">
        <pc:chgData name="Lauge Holm Sørensen" userId="S::lahoso_food.dtu.dk#ext#@dksund.onmicrosoft.com::36edfa9c-897a-49e3-ab8c-b924de762b56" providerId="AD" clId="Web-{EDA7A7F0-2F32-44BF-8F4D-42C1AA2EAEF8}" dt="2023-04-28T09:53:44.851" v="436" actId="20577"/>
        <pc:sldMkLst>
          <pc:docMk/>
          <pc:sldMk cId="1483027898" sldId="268"/>
        </pc:sldMkLst>
        <pc:spChg chg="mod">
          <ac:chgData name="Lauge Holm Sørensen" userId="S::lahoso_food.dtu.dk#ext#@dksund.onmicrosoft.com::36edfa9c-897a-49e3-ab8c-b924de762b56" providerId="AD" clId="Web-{EDA7A7F0-2F32-44BF-8F4D-42C1AA2EAEF8}" dt="2023-04-28T09:53:44.851" v="436" actId="20577"/>
          <ac:spMkLst>
            <pc:docMk/>
            <pc:sldMk cId="1483027898" sldId="268"/>
            <ac:spMk id="6" creationId="{5A5890CD-8F90-4FE7-841F-F7B0C2865BA2}"/>
          </ac:spMkLst>
        </pc:spChg>
      </pc:sldChg>
      <pc:sldChg chg="addSp delSp modSp">
        <pc:chgData name="Lauge Holm Sørensen" userId="S::lahoso_food.dtu.dk#ext#@dksund.onmicrosoft.com::36edfa9c-897a-49e3-ab8c-b924de762b56" providerId="AD" clId="Web-{EDA7A7F0-2F32-44BF-8F4D-42C1AA2EAEF8}" dt="2023-04-28T09:51:18.866" v="402" actId="14100"/>
        <pc:sldMkLst>
          <pc:docMk/>
          <pc:sldMk cId="1522583885" sldId="272"/>
        </pc:sldMkLst>
        <pc:spChg chg="add del mod">
          <ac:chgData name="Lauge Holm Sørensen" userId="S::lahoso_food.dtu.dk#ext#@dksund.onmicrosoft.com::36edfa9c-897a-49e3-ab8c-b924de762b56" providerId="AD" clId="Web-{EDA7A7F0-2F32-44BF-8F4D-42C1AA2EAEF8}" dt="2023-04-28T09:12:11.031" v="307"/>
          <ac:spMkLst>
            <pc:docMk/>
            <pc:sldMk cId="1522583885" sldId="272"/>
            <ac:spMk id="2" creationId="{0B646795-679F-48FA-5089-77FF26F9A415}"/>
          </ac:spMkLst>
        </pc:spChg>
        <pc:spChg chg="mod">
          <ac:chgData name="Lauge Holm Sørensen" userId="S::lahoso_food.dtu.dk#ext#@dksund.onmicrosoft.com::36edfa9c-897a-49e3-ab8c-b924de762b56" providerId="AD" clId="Web-{EDA7A7F0-2F32-44BF-8F4D-42C1AA2EAEF8}" dt="2023-04-28T09:09:08.029" v="196" actId="20577"/>
          <ac:spMkLst>
            <pc:docMk/>
            <pc:sldMk cId="1522583885" sldId="272"/>
            <ac:spMk id="5" creationId="{43AB9D89-4678-4B3C-8679-3E429EFBB2DD}"/>
          </ac:spMkLst>
        </pc:spChg>
        <pc:spChg chg="add mod">
          <ac:chgData name="Lauge Holm Sørensen" userId="S::lahoso_food.dtu.dk#ext#@dksund.onmicrosoft.com::36edfa9c-897a-49e3-ab8c-b924de762b56" providerId="AD" clId="Web-{EDA7A7F0-2F32-44BF-8F4D-42C1AA2EAEF8}" dt="2023-04-28T09:19:40.958" v="344" actId="1076"/>
          <ac:spMkLst>
            <pc:docMk/>
            <pc:sldMk cId="1522583885" sldId="272"/>
            <ac:spMk id="6" creationId="{D5458414-1AE0-C6AB-B6D7-7ABE8AE76F85}"/>
          </ac:spMkLst>
        </pc:spChg>
        <pc:spChg chg="mod">
          <ac:chgData name="Lauge Holm Sørensen" userId="S::lahoso_food.dtu.dk#ext#@dksund.onmicrosoft.com::36edfa9c-897a-49e3-ab8c-b924de762b56" providerId="AD" clId="Web-{EDA7A7F0-2F32-44BF-8F4D-42C1AA2EAEF8}" dt="2023-04-28T09:10:44.905" v="291" actId="20577"/>
          <ac:spMkLst>
            <pc:docMk/>
            <pc:sldMk cId="1522583885" sldId="272"/>
            <ac:spMk id="7" creationId="{2F263F01-46AE-0D9A-322B-828FB7F5C43E}"/>
          </ac:spMkLst>
        </pc:spChg>
        <pc:spChg chg="add mod">
          <ac:chgData name="Lauge Holm Sørensen" userId="S::lahoso_food.dtu.dk#ext#@dksund.onmicrosoft.com::36edfa9c-897a-49e3-ab8c-b924de762b56" providerId="AD" clId="Web-{EDA7A7F0-2F32-44BF-8F4D-42C1AA2EAEF8}" dt="2023-04-28T09:20:20.161" v="360" actId="20577"/>
          <ac:spMkLst>
            <pc:docMk/>
            <pc:sldMk cId="1522583885" sldId="272"/>
            <ac:spMk id="8" creationId="{CA873ABF-4EBC-5945-D5AB-2BB4DC212009}"/>
          </ac:spMkLst>
        </pc:spChg>
        <pc:spChg chg="add mod">
          <ac:chgData name="Lauge Holm Sørensen" userId="S::lahoso_food.dtu.dk#ext#@dksund.onmicrosoft.com::36edfa9c-897a-49e3-ab8c-b924de762b56" providerId="AD" clId="Web-{EDA7A7F0-2F32-44BF-8F4D-42C1AA2EAEF8}" dt="2023-04-28T09:21:28.365" v="370" actId="1076"/>
          <ac:spMkLst>
            <pc:docMk/>
            <pc:sldMk cId="1522583885" sldId="272"/>
            <ac:spMk id="11" creationId="{8D5B8D02-738F-8BCB-41D5-3282BD0354E4}"/>
          </ac:spMkLst>
        </pc:spChg>
        <pc:spChg chg="add mod">
          <ac:chgData name="Lauge Holm Sørensen" userId="S::lahoso_food.dtu.dk#ext#@dksund.onmicrosoft.com::36edfa9c-897a-49e3-ab8c-b924de762b56" providerId="AD" clId="Web-{EDA7A7F0-2F32-44BF-8F4D-42C1AA2EAEF8}" dt="2023-04-28T09:51:18.866" v="402" actId="14100"/>
          <ac:spMkLst>
            <pc:docMk/>
            <pc:sldMk cId="1522583885" sldId="272"/>
            <ac:spMk id="12" creationId="{FB433D98-536B-D8AD-C8E0-B75C56EEC8FF}"/>
          </ac:spMkLst>
        </pc:spChg>
        <pc:picChg chg="add mod modCrop">
          <ac:chgData name="Lauge Holm Sørensen" userId="S::lahoso_food.dtu.dk#ext#@dksund.onmicrosoft.com::36edfa9c-897a-49e3-ab8c-b924de762b56" providerId="AD" clId="Web-{EDA7A7F0-2F32-44BF-8F4D-42C1AA2EAEF8}" dt="2023-04-28T09:13:16.297" v="319" actId="1076"/>
          <ac:picMkLst>
            <pc:docMk/>
            <pc:sldMk cId="1522583885" sldId="272"/>
            <ac:picMk id="3" creationId="{AF25DB53-9B96-C156-D0A6-777389AD7D20}"/>
          </ac:picMkLst>
        </pc:picChg>
        <pc:picChg chg="add del mod modCrop">
          <ac:chgData name="Lauge Holm Sørensen" userId="S::lahoso_food.dtu.dk#ext#@dksund.onmicrosoft.com::36edfa9c-897a-49e3-ab8c-b924de762b56" providerId="AD" clId="Web-{EDA7A7F0-2F32-44BF-8F4D-42C1AA2EAEF8}" dt="2023-04-28T09:23:08.570" v="373"/>
          <ac:picMkLst>
            <pc:docMk/>
            <pc:sldMk cId="1522583885" sldId="272"/>
            <ac:picMk id="9" creationId="{9644DD85-288F-FD39-FBBA-1370C58589D1}"/>
          </ac:picMkLst>
        </pc:picChg>
        <pc:picChg chg="add del mod">
          <ac:chgData name="Lauge Holm Sørensen" userId="S::lahoso_food.dtu.dk#ext#@dksund.onmicrosoft.com::36edfa9c-897a-49e3-ab8c-b924de762b56" providerId="AD" clId="Web-{EDA7A7F0-2F32-44BF-8F4D-42C1AA2EAEF8}" dt="2023-04-28T09:21:18.975" v="368"/>
          <ac:picMkLst>
            <pc:docMk/>
            <pc:sldMk cId="1522583885" sldId="272"/>
            <ac:picMk id="10" creationId="{00C1C44E-DFB0-3D3A-A138-C18A8A41AD45}"/>
          </ac:picMkLst>
        </pc:picChg>
        <pc:picChg chg="add mod modCrop">
          <ac:chgData name="Lauge Holm Sørensen" userId="S::lahoso_food.dtu.dk#ext#@dksund.onmicrosoft.com::36edfa9c-897a-49e3-ab8c-b924de762b56" providerId="AD" clId="Web-{EDA7A7F0-2F32-44BF-8F4D-42C1AA2EAEF8}" dt="2023-04-28T09:24:02.836" v="383" actId="1076"/>
          <ac:picMkLst>
            <pc:docMk/>
            <pc:sldMk cId="1522583885" sldId="272"/>
            <ac:picMk id="13" creationId="{72ACB3E0-DEEA-B9E7-7CF4-1D3F269AFBAE}"/>
          </ac:picMkLst>
        </pc:picChg>
      </pc:sldChg>
      <pc:sldChg chg="del">
        <pc:chgData name="Lauge Holm Sørensen" userId="S::lahoso_food.dtu.dk#ext#@dksund.onmicrosoft.com::36edfa9c-897a-49e3-ab8c-b924de762b56" providerId="AD" clId="Web-{EDA7A7F0-2F32-44BF-8F4D-42C1AA2EAEF8}" dt="2023-04-28T11:09:09.606" v="1212"/>
        <pc:sldMkLst>
          <pc:docMk/>
          <pc:sldMk cId="2997158266" sldId="273"/>
        </pc:sldMkLst>
      </pc:sldChg>
      <pc:sldChg chg="modSp ord">
        <pc:chgData name="Lauge Holm Sørensen" userId="S::lahoso_food.dtu.dk#ext#@dksund.onmicrosoft.com::36edfa9c-897a-49e3-ab8c-b924de762b56" providerId="AD" clId="Web-{EDA7A7F0-2F32-44BF-8F4D-42C1AA2EAEF8}" dt="2023-04-28T09:54:20.570" v="447" actId="20577"/>
        <pc:sldMkLst>
          <pc:docMk/>
          <pc:sldMk cId="3418497375" sldId="322"/>
        </pc:sldMkLst>
        <pc:spChg chg="mod">
          <ac:chgData name="Lauge Holm Sørensen" userId="S::lahoso_food.dtu.dk#ext#@dksund.onmicrosoft.com::36edfa9c-897a-49e3-ab8c-b924de762b56" providerId="AD" clId="Web-{EDA7A7F0-2F32-44BF-8F4D-42C1AA2EAEF8}" dt="2023-04-28T09:54:20.570" v="447" actId="20577"/>
          <ac:spMkLst>
            <pc:docMk/>
            <pc:sldMk cId="3418497375" sldId="322"/>
            <ac:spMk id="9" creationId="{E2F39260-A4FE-4456-D2D3-5500D575B9BE}"/>
          </ac:spMkLst>
        </pc:spChg>
      </pc:sldChg>
      <pc:sldChg chg="del">
        <pc:chgData name="Lauge Holm Sørensen" userId="S::lahoso_food.dtu.dk#ext#@dksund.onmicrosoft.com::36edfa9c-897a-49e3-ab8c-b924de762b56" providerId="AD" clId="Web-{EDA7A7F0-2F32-44BF-8F4D-42C1AA2EAEF8}" dt="2023-04-28T11:08:33.996" v="1199"/>
        <pc:sldMkLst>
          <pc:docMk/>
          <pc:sldMk cId="1652936770" sldId="323"/>
        </pc:sldMkLst>
      </pc:sldChg>
      <pc:sldChg chg="modSp">
        <pc:chgData name="Lauge Holm Sørensen" userId="S::lahoso_food.dtu.dk#ext#@dksund.onmicrosoft.com::36edfa9c-897a-49e3-ab8c-b924de762b56" providerId="AD" clId="Web-{EDA7A7F0-2F32-44BF-8F4D-42C1AA2EAEF8}" dt="2023-04-28T08:56:34.926" v="57" actId="14100"/>
        <pc:sldMkLst>
          <pc:docMk/>
          <pc:sldMk cId="33829107" sldId="330"/>
        </pc:sldMkLst>
        <pc:spChg chg="mod">
          <ac:chgData name="Lauge Holm Sørensen" userId="S::lahoso_food.dtu.dk#ext#@dksund.onmicrosoft.com::36edfa9c-897a-49e3-ab8c-b924de762b56" providerId="AD" clId="Web-{EDA7A7F0-2F32-44BF-8F4D-42C1AA2EAEF8}" dt="2023-04-28T08:56:34.926" v="57" actId="14100"/>
          <ac:spMkLst>
            <pc:docMk/>
            <pc:sldMk cId="33829107" sldId="330"/>
            <ac:spMk id="15" creationId="{4C93D62F-02B3-8E18-4724-D6F3312C7CEC}"/>
          </ac:spMkLst>
        </pc:spChg>
        <pc:picChg chg="mod">
          <ac:chgData name="Lauge Holm Sørensen" userId="S::lahoso_food.dtu.dk#ext#@dksund.onmicrosoft.com::36edfa9c-897a-49e3-ab8c-b924de762b56" providerId="AD" clId="Web-{EDA7A7F0-2F32-44BF-8F4D-42C1AA2EAEF8}" dt="2023-04-28T08:56:31.598" v="56" actId="1076"/>
          <ac:picMkLst>
            <pc:docMk/>
            <pc:sldMk cId="33829107" sldId="330"/>
            <ac:picMk id="6" creationId="{D11F9F4C-52A2-092A-7537-A716FBBE04A5}"/>
          </ac:picMkLst>
        </pc:picChg>
      </pc:sldChg>
      <pc:sldChg chg="addSp delSp modSp add replId">
        <pc:chgData name="Lauge Holm Sørensen" userId="S::lahoso_food.dtu.dk#ext#@dksund.onmicrosoft.com::36edfa9c-897a-49e3-ab8c-b924de762b56" providerId="AD" clId="Web-{EDA7A7F0-2F32-44BF-8F4D-42C1AA2EAEF8}" dt="2023-04-28T08:57:07.989" v="62" actId="20577"/>
        <pc:sldMkLst>
          <pc:docMk/>
          <pc:sldMk cId="2618660595" sldId="331"/>
        </pc:sldMkLst>
        <pc:spChg chg="mod">
          <ac:chgData name="Lauge Holm Sørensen" userId="S::lahoso_food.dtu.dk#ext#@dksund.onmicrosoft.com::36edfa9c-897a-49e3-ab8c-b924de762b56" providerId="AD" clId="Web-{EDA7A7F0-2F32-44BF-8F4D-42C1AA2EAEF8}" dt="2023-04-28T08:57:07.989" v="62" actId="20577"/>
          <ac:spMkLst>
            <pc:docMk/>
            <pc:sldMk cId="2618660595" sldId="331"/>
            <ac:spMk id="15" creationId="{4C93D62F-02B3-8E18-4724-D6F3312C7CEC}"/>
          </ac:spMkLst>
        </pc:spChg>
        <pc:picChg chg="add del mod">
          <ac:chgData name="Lauge Holm Sørensen" userId="S::lahoso_food.dtu.dk#ext#@dksund.onmicrosoft.com::36edfa9c-897a-49e3-ab8c-b924de762b56" providerId="AD" clId="Web-{EDA7A7F0-2F32-44BF-8F4D-42C1AA2EAEF8}" dt="2023-04-28T08:55:31.378" v="11"/>
          <ac:picMkLst>
            <pc:docMk/>
            <pc:sldMk cId="2618660595" sldId="331"/>
            <ac:picMk id="2" creationId="{0E449328-E85A-CE59-4F48-2F95773883C2}"/>
          </ac:picMkLst>
        </pc:picChg>
        <pc:picChg chg="add mod ord">
          <ac:chgData name="Lauge Holm Sørensen" userId="S::lahoso_food.dtu.dk#ext#@dksund.onmicrosoft.com::36edfa9c-897a-49e3-ab8c-b924de762b56" providerId="AD" clId="Web-{EDA7A7F0-2F32-44BF-8F4D-42C1AA2EAEF8}" dt="2023-04-28T08:56:55.473" v="60" actId="1076"/>
          <ac:picMkLst>
            <pc:docMk/>
            <pc:sldMk cId="2618660595" sldId="331"/>
            <ac:picMk id="3" creationId="{B7939C91-E163-16F9-827C-0C923D64E027}"/>
          </ac:picMkLst>
        </pc:picChg>
        <pc:picChg chg="del">
          <ac:chgData name="Lauge Holm Sørensen" userId="S::lahoso_food.dtu.dk#ext#@dksund.onmicrosoft.com::36edfa9c-897a-49e3-ab8c-b924de762b56" providerId="AD" clId="Web-{EDA7A7F0-2F32-44BF-8F4D-42C1AA2EAEF8}" dt="2023-04-28T08:55:31.988" v="12"/>
          <ac:picMkLst>
            <pc:docMk/>
            <pc:sldMk cId="2618660595" sldId="331"/>
            <ac:picMk id="6" creationId="{D11F9F4C-52A2-092A-7537-A716FBBE04A5}"/>
          </ac:picMkLst>
        </pc:picChg>
      </pc:sldChg>
      <pc:sldChg chg="addSp delSp modSp add replId">
        <pc:chgData name="Lauge Holm Sørensen" userId="S::lahoso_food.dtu.dk#ext#@dksund.onmicrosoft.com::36edfa9c-897a-49e3-ab8c-b924de762b56" providerId="AD" clId="Web-{EDA7A7F0-2F32-44BF-8F4D-42C1AA2EAEF8}" dt="2023-04-28T08:59:13.006" v="188" actId="20577"/>
        <pc:sldMkLst>
          <pc:docMk/>
          <pc:sldMk cId="1208551594" sldId="332"/>
        </pc:sldMkLst>
        <pc:spChg chg="mod">
          <ac:chgData name="Lauge Holm Sørensen" userId="S::lahoso_food.dtu.dk#ext#@dksund.onmicrosoft.com::36edfa9c-897a-49e3-ab8c-b924de762b56" providerId="AD" clId="Web-{EDA7A7F0-2F32-44BF-8F4D-42C1AA2EAEF8}" dt="2023-04-28T08:59:13.006" v="188" actId="20577"/>
          <ac:spMkLst>
            <pc:docMk/>
            <pc:sldMk cId="1208551594" sldId="332"/>
            <ac:spMk id="15" creationId="{4C93D62F-02B3-8E18-4724-D6F3312C7CEC}"/>
          </ac:spMkLst>
        </pc:spChg>
        <pc:picChg chg="add mod ord">
          <ac:chgData name="Lauge Holm Sørensen" userId="S::lahoso_food.dtu.dk#ext#@dksund.onmicrosoft.com::36edfa9c-897a-49e3-ab8c-b924de762b56" providerId="AD" clId="Web-{EDA7A7F0-2F32-44BF-8F4D-42C1AA2EAEF8}" dt="2023-04-28T08:57:59.818" v="69"/>
          <ac:picMkLst>
            <pc:docMk/>
            <pc:sldMk cId="1208551594" sldId="332"/>
            <ac:picMk id="2" creationId="{68E7B00E-D270-CEDC-8C0B-B85777E28D84}"/>
          </ac:picMkLst>
        </pc:picChg>
        <pc:picChg chg="del">
          <ac:chgData name="Lauge Holm Sørensen" userId="S::lahoso_food.dtu.dk#ext#@dksund.onmicrosoft.com::36edfa9c-897a-49e3-ab8c-b924de762b56" providerId="AD" clId="Web-{EDA7A7F0-2F32-44BF-8F4D-42C1AA2EAEF8}" dt="2023-04-28T08:57:47.614" v="64"/>
          <ac:picMkLst>
            <pc:docMk/>
            <pc:sldMk cId="1208551594" sldId="332"/>
            <ac:picMk id="3" creationId="{B7939C91-E163-16F9-827C-0C923D64E027}"/>
          </ac:picMkLst>
        </pc:picChg>
      </pc:sldChg>
      <pc:sldChg chg="modSp add replId">
        <pc:chgData name="Lauge Holm Sørensen" userId="S::lahoso_food.dtu.dk#ext#@dksund.onmicrosoft.com::36edfa9c-897a-49e3-ab8c-b924de762b56" providerId="AD" clId="Web-{EDA7A7F0-2F32-44BF-8F4D-42C1AA2EAEF8}" dt="2023-04-28T11:09:55.420" v="1229" actId="20577"/>
        <pc:sldMkLst>
          <pc:docMk/>
          <pc:sldMk cId="2526535005" sldId="333"/>
        </pc:sldMkLst>
        <pc:spChg chg="mod">
          <ac:chgData name="Lauge Holm Sørensen" userId="S::lahoso_food.dtu.dk#ext#@dksund.onmicrosoft.com::36edfa9c-897a-49e3-ab8c-b924de762b56" providerId="AD" clId="Web-{EDA7A7F0-2F32-44BF-8F4D-42C1AA2EAEF8}" dt="2023-04-28T09:51:59.553" v="404" actId="20577"/>
          <ac:spMkLst>
            <pc:docMk/>
            <pc:sldMk cId="2526535005" sldId="333"/>
            <ac:spMk id="5" creationId="{43AB9D89-4678-4B3C-8679-3E429EFBB2DD}"/>
          </ac:spMkLst>
        </pc:spChg>
        <pc:spChg chg="mod">
          <ac:chgData name="Lauge Holm Sørensen" userId="S::lahoso_food.dtu.dk#ext#@dksund.onmicrosoft.com::36edfa9c-897a-49e3-ab8c-b924de762b56" providerId="AD" clId="Web-{EDA7A7F0-2F32-44BF-8F4D-42C1AA2EAEF8}" dt="2023-04-28T11:09:55.420" v="1229" actId="20577"/>
          <ac:spMkLst>
            <pc:docMk/>
            <pc:sldMk cId="2526535005" sldId="333"/>
            <ac:spMk id="7" creationId="{2F263F01-46AE-0D9A-322B-828FB7F5C43E}"/>
          </ac:spMkLst>
        </pc:spChg>
      </pc:sldChg>
      <pc:sldChg chg="modSp add ord replId">
        <pc:chgData name="Lauge Holm Sørensen" userId="S::lahoso_food.dtu.dk#ext#@dksund.onmicrosoft.com::36edfa9c-897a-49e3-ab8c-b924de762b56" providerId="AD" clId="Web-{EDA7A7F0-2F32-44BF-8F4D-42C1AA2EAEF8}" dt="2023-04-28T11:09:06.012" v="1211" actId="20577"/>
        <pc:sldMkLst>
          <pc:docMk/>
          <pc:sldMk cId="1732001441" sldId="334"/>
        </pc:sldMkLst>
        <pc:spChg chg="mod">
          <ac:chgData name="Lauge Holm Sørensen" userId="S::lahoso_food.dtu.dk#ext#@dksund.onmicrosoft.com::36edfa9c-897a-49e3-ab8c-b924de762b56" providerId="AD" clId="Web-{EDA7A7F0-2F32-44BF-8F4D-42C1AA2EAEF8}" dt="2023-04-28T11:09:06.012" v="1211" actId="20577"/>
          <ac:spMkLst>
            <pc:docMk/>
            <pc:sldMk cId="1732001441" sldId="334"/>
            <ac:spMk id="7" creationId="{2F263F01-46AE-0D9A-322B-828FB7F5C43E}"/>
          </ac:spMkLst>
        </pc:spChg>
      </pc:sldChg>
      <pc:sldChg chg="addSp delSp modSp add replId">
        <pc:chgData name="Lauge Holm Sørensen" userId="S::lahoso_food.dtu.dk#ext#@dksund.onmicrosoft.com::36edfa9c-897a-49e3-ab8c-b924de762b56" providerId="AD" clId="Web-{EDA7A7F0-2F32-44BF-8F4D-42C1AA2EAEF8}" dt="2023-04-28T11:03:16.006" v="1076" actId="1076"/>
        <pc:sldMkLst>
          <pc:docMk/>
          <pc:sldMk cId="480203581" sldId="335"/>
        </pc:sldMkLst>
        <pc:spChg chg="mod">
          <ac:chgData name="Lauge Holm Sørensen" userId="S::lahoso_food.dtu.dk#ext#@dksund.onmicrosoft.com::36edfa9c-897a-49e3-ab8c-b924de762b56" providerId="AD" clId="Web-{EDA7A7F0-2F32-44BF-8F4D-42C1AA2EAEF8}" dt="2023-04-28T10:03:46.310" v="647" actId="20577"/>
          <ac:spMkLst>
            <pc:docMk/>
            <pc:sldMk cId="480203581" sldId="335"/>
            <ac:spMk id="9" creationId="{E2F39260-A4FE-4456-D2D3-5500D575B9BE}"/>
          </ac:spMkLst>
        </pc:spChg>
        <pc:picChg chg="add mod">
          <ac:chgData name="Lauge Holm Sørensen" userId="S::lahoso_food.dtu.dk#ext#@dksund.onmicrosoft.com::36edfa9c-897a-49e3-ab8c-b924de762b56" providerId="AD" clId="Web-{EDA7A7F0-2F32-44BF-8F4D-42C1AA2EAEF8}" dt="2023-04-28T11:03:16.006" v="1076" actId="1076"/>
          <ac:picMkLst>
            <pc:docMk/>
            <pc:sldMk cId="480203581" sldId="335"/>
            <ac:picMk id="2" creationId="{AD8E77D2-2247-BF07-83FF-851B3B1A86CD}"/>
          </ac:picMkLst>
        </pc:picChg>
        <pc:picChg chg="add del mod">
          <ac:chgData name="Lauge Holm Sørensen" userId="S::lahoso_food.dtu.dk#ext#@dksund.onmicrosoft.com::36edfa9c-897a-49e3-ab8c-b924de762b56" providerId="AD" clId="Web-{EDA7A7F0-2F32-44BF-8F4D-42C1AA2EAEF8}" dt="2023-04-28T09:55:00.649" v="454"/>
          <ac:picMkLst>
            <pc:docMk/>
            <pc:sldMk cId="480203581" sldId="335"/>
            <ac:picMk id="2" creationId="{B6471455-8A75-5DD8-DD85-6EE1A94D80DA}"/>
          </ac:picMkLst>
        </pc:picChg>
        <pc:picChg chg="add del mod modCrop">
          <ac:chgData name="Lauge Holm Sørensen" userId="S::lahoso_food.dtu.dk#ext#@dksund.onmicrosoft.com::36edfa9c-897a-49e3-ab8c-b924de762b56" providerId="AD" clId="Web-{EDA7A7F0-2F32-44BF-8F4D-42C1AA2EAEF8}" dt="2023-04-28T09:55:42.508" v="460"/>
          <ac:picMkLst>
            <pc:docMk/>
            <pc:sldMk cId="480203581" sldId="335"/>
            <ac:picMk id="3" creationId="{3B864E3C-D31A-89F3-9001-4BC0F5B75FF4}"/>
          </ac:picMkLst>
        </pc:picChg>
        <pc:picChg chg="add mod modCrop">
          <ac:chgData name="Lauge Holm Sørensen" userId="S::lahoso_food.dtu.dk#ext#@dksund.onmicrosoft.com::36edfa9c-897a-49e3-ab8c-b924de762b56" providerId="AD" clId="Web-{EDA7A7F0-2F32-44BF-8F4D-42C1AA2EAEF8}" dt="2023-04-28T09:59:03.604" v="503" actId="1076"/>
          <ac:picMkLst>
            <pc:docMk/>
            <pc:sldMk cId="480203581" sldId="335"/>
            <ac:picMk id="5" creationId="{14F07D95-4CC9-4E94-9552-D93A198CD74A}"/>
          </ac:picMkLst>
        </pc:picChg>
        <pc:picChg chg="add mod modCrop">
          <ac:chgData name="Lauge Holm Sørensen" userId="S::lahoso_food.dtu.dk#ext#@dksund.onmicrosoft.com::36edfa9c-897a-49e3-ab8c-b924de762b56" providerId="AD" clId="Web-{EDA7A7F0-2F32-44BF-8F4D-42C1AA2EAEF8}" dt="2023-04-28T09:59:16.104" v="508" actId="1076"/>
          <ac:picMkLst>
            <pc:docMk/>
            <pc:sldMk cId="480203581" sldId="335"/>
            <ac:picMk id="6" creationId="{9DAFCA4E-83B0-1391-D721-D90C45429E92}"/>
          </ac:picMkLst>
        </pc:picChg>
        <pc:picChg chg="del">
          <ac:chgData name="Lauge Holm Sørensen" userId="S::lahoso_food.dtu.dk#ext#@dksund.onmicrosoft.com::36edfa9c-897a-49e3-ab8c-b924de762b56" providerId="AD" clId="Web-{EDA7A7F0-2F32-44BF-8F4D-42C1AA2EAEF8}" dt="2023-04-28T09:54:30.227" v="449"/>
          <ac:picMkLst>
            <pc:docMk/>
            <pc:sldMk cId="480203581" sldId="335"/>
            <ac:picMk id="7" creationId="{74D3AD3D-5EB9-2A2C-5380-18372A4AFDD4}"/>
          </ac:picMkLst>
        </pc:picChg>
        <pc:picChg chg="add mod">
          <ac:chgData name="Lauge Holm Sørensen" userId="S::lahoso_food.dtu.dk#ext#@dksund.onmicrosoft.com::36edfa9c-897a-49e3-ab8c-b924de762b56" providerId="AD" clId="Web-{EDA7A7F0-2F32-44BF-8F4D-42C1AA2EAEF8}" dt="2023-04-28T09:59:00.354" v="502" actId="1076"/>
          <ac:picMkLst>
            <pc:docMk/>
            <pc:sldMk cId="480203581" sldId="335"/>
            <ac:picMk id="8" creationId="{32877A3D-9012-D357-3B75-2926ADD75AC9}"/>
          </ac:picMkLst>
        </pc:picChg>
        <pc:picChg chg="add mod">
          <ac:chgData name="Lauge Holm Sørensen" userId="S::lahoso_food.dtu.dk#ext#@dksund.onmicrosoft.com::36edfa9c-897a-49e3-ab8c-b924de762b56" providerId="AD" clId="Web-{EDA7A7F0-2F32-44BF-8F4D-42C1AA2EAEF8}" dt="2023-04-28T09:59:13.901" v="507" actId="1076"/>
          <ac:picMkLst>
            <pc:docMk/>
            <pc:sldMk cId="480203581" sldId="335"/>
            <ac:picMk id="10" creationId="{C2C0BB68-8757-FCE1-355F-0729CBBE616D}"/>
          </ac:picMkLst>
        </pc:picChg>
        <pc:picChg chg="add del mod">
          <ac:chgData name="Lauge Holm Sørensen" userId="S::lahoso_food.dtu.dk#ext#@dksund.onmicrosoft.com::36edfa9c-897a-49e3-ab8c-b924de762b56" providerId="AD" clId="Web-{EDA7A7F0-2F32-44BF-8F4D-42C1AA2EAEF8}" dt="2023-04-28T09:57:23.916" v="486"/>
          <ac:picMkLst>
            <pc:docMk/>
            <pc:sldMk cId="480203581" sldId="335"/>
            <ac:picMk id="11" creationId="{191FE796-1B7B-D082-9D5C-BD81ADA1DD58}"/>
          </ac:picMkLst>
        </pc:picChg>
        <pc:picChg chg="add del mod">
          <ac:chgData name="Lauge Holm Sørensen" userId="S::lahoso_food.dtu.dk#ext#@dksund.onmicrosoft.com::36edfa9c-897a-49e3-ab8c-b924de762b56" providerId="AD" clId="Web-{EDA7A7F0-2F32-44BF-8F4D-42C1AA2EAEF8}" dt="2023-04-28T09:58:07.432" v="500"/>
          <ac:picMkLst>
            <pc:docMk/>
            <pc:sldMk cId="480203581" sldId="335"/>
            <ac:picMk id="12" creationId="{80634734-E555-DB55-3F64-2362E0D9C4D1}"/>
          </ac:picMkLst>
        </pc:picChg>
        <pc:picChg chg="add mod">
          <ac:chgData name="Lauge Holm Sørensen" userId="S::lahoso_food.dtu.dk#ext#@dksund.onmicrosoft.com::36edfa9c-897a-49e3-ab8c-b924de762b56" providerId="AD" clId="Web-{EDA7A7F0-2F32-44BF-8F4D-42C1AA2EAEF8}" dt="2023-04-28T09:59:11.729" v="506" actId="1076"/>
          <ac:picMkLst>
            <pc:docMk/>
            <pc:sldMk cId="480203581" sldId="335"/>
            <ac:picMk id="13" creationId="{02EED1F6-4350-CE10-C209-4E695B001ED4}"/>
          </ac:picMkLst>
        </pc:picChg>
        <pc:picChg chg="add mod">
          <ac:chgData name="Lauge Holm Sørensen" userId="S::lahoso_food.dtu.dk#ext#@dksund.onmicrosoft.com::36edfa9c-897a-49e3-ab8c-b924de762b56" providerId="AD" clId="Web-{EDA7A7F0-2F32-44BF-8F4D-42C1AA2EAEF8}" dt="2023-04-28T09:59:37.370" v="512" actId="1076"/>
          <ac:picMkLst>
            <pc:docMk/>
            <pc:sldMk cId="480203581" sldId="335"/>
            <ac:picMk id="14" creationId="{62E33FF0-856A-0E1F-79E3-B54F408F7FCC}"/>
          </ac:picMkLst>
        </pc:picChg>
      </pc:sldChg>
      <pc:sldChg chg="addSp delSp modSp add replId">
        <pc:chgData name="Lauge Holm Sørensen" userId="S::lahoso_food.dtu.dk#ext#@dksund.onmicrosoft.com::36edfa9c-897a-49e3-ab8c-b924de762b56" providerId="AD" clId="Web-{EDA7A7F0-2F32-44BF-8F4D-42C1AA2EAEF8}" dt="2023-04-28T10:26:57.883" v="765" actId="20577"/>
        <pc:sldMkLst>
          <pc:docMk/>
          <pc:sldMk cId="1185554103" sldId="336"/>
        </pc:sldMkLst>
        <pc:spChg chg="add del">
          <ac:chgData name="Lauge Holm Sørensen" userId="S::lahoso_food.dtu.dk#ext#@dksund.onmicrosoft.com::36edfa9c-897a-49e3-ab8c-b924de762b56" providerId="AD" clId="Web-{EDA7A7F0-2F32-44BF-8F4D-42C1AA2EAEF8}" dt="2023-04-28T10:26:46.023" v="761"/>
          <ac:spMkLst>
            <pc:docMk/>
            <pc:sldMk cId="1185554103" sldId="336"/>
            <ac:spMk id="7" creationId="{A5DC21A1-4F63-6A66-961E-AEE7D55B538B}"/>
          </ac:spMkLst>
        </pc:spChg>
        <pc:spChg chg="del mod">
          <ac:chgData name="Lauge Holm Sørensen" userId="S::lahoso_food.dtu.dk#ext#@dksund.onmicrosoft.com::36edfa9c-897a-49e3-ab8c-b924de762b56" providerId="AD" clId="Web-{EDA7A7F0-2F32-44BF-8F4D-42C1AA2EAEF8}" dt="2023-04-28T10:26:47.054" v="762"/>
          <ac:spMkLst>
            <pc:docMk/>
            <pc:sldMk cId="1185554103" sldId="336"/>
            <ac:spMk id="9" creationId="{E2F39260-A4FE-4456-D2D3-5500D575B9BE}"/>
          </ac:spMkLst>
        </pc:spChg>
        <pc:spChg chg="add mod">
          <ac:chgData name="Lauge Holm Sørensen" userId="S::lahoso_food.dtu.dk#ext#@dksund.onmicrosoft.com::36edfa9c-897a-49e3-ab8c-b924de762b56" providerId="AD" clId="Web-{EDA7A7F0-2F32-44BF-8F4D-42C1AA2EAEF8}" dt="2023-04-28T10:26:57.883" v="765" actId="20577"/>
          <ac:spMkLst>
            <pc:docMk/>
            <pc:sldMk cId="1185554103" sldId="336"/>
            <ac:spMk id="12" creationId="{5FFE03F3-F2BE-D712-8172-5AFAD1AAAB1C}"/>
          </ac:spMkLst>
        </pc:spChg>
        <pc:picChg chg="add mod">
          <ac:chgData name="Lauge Holm Sørensen" userId="S::lahoso_food.dtu.dk#ext#@dksund.onmicrosoft.com::36edfa9c-897a-49e3-ab8c-b924de762b56" providerId="AD" clId="Web-{EDA7A7F0-2F32-44BF-8F4D-42C1AA2EAEF8}" dt="2023-04-28T10:23:22.099" v="687" actId="1076"/>
          <ac:picMkLst>
            <pc:docMk/>
            <pc:sldMk cId="1185554103" sldId="336"/>
            <ac:picMk id="2" creationId="{62B268DA-00AC-AAA6-3985-0ED50656F43B}"/>
          </ac:picMkLst>
        </pc:picChg>
        <pc:picChg chg="del">
          <ac:chgData name="Lauge Holm Sørensen" userId="S::lahoso_food.dtu.dk#ext#@dksund.onmicrosoft.com::36edfa9c-897a-49e3-ab8c-b924de762b56" providerId="AD" clId="Web-{EDA7A7F0-2F32-44BF-8F4D-42C1AA2EAEF8}" dt="2023-04-28T10:22:44.646" v="675"/>
          <ac:picMkLst>
            <pc:docMk/>
            <pc:sldMk cId="1185554103" sldId="336"/>
            <ac:picMk id="5" creationId="{14F07D95-4CC9-4E94-9552-D93A198CD74A}"/>
          </ac:picMkLst>
        </pc:picChg>
        <pc:picChg chg="del">
          <ac:chgData name="Lauge Holm Sørensen" userId="S::lahoso_food.dtu.dk#ext#@dksund.onmicrosoft.com::36edfa9c-897a-49e3-ab8c-b924de762b56" providerId="AD" clId="Web-{EDA7A7F0-2F32-44BF-8F4D-42C1AA2EAEF8}" dt="2023-04-28T10:22:45.911" v="678"/>
          <ac:picMkLst>
            <pc:docMk/>
            <pc:sldMk cId="1185554103" sldId="336"/>
            <ac:picMk id="6" creationId="{9DAFCA4E-83B0-1391-D721-D90C45429E92}"/>
          </ac:picMkLst>
        </pc:picChg>
        <pc:picChg chg="del">
          <ac:chgData name="Lauge Holm Sørensen" userId="S::lahoso_food.dtu.dk#ext#@dksund.onmicrosoft.com::36edfa9c-897a-49e3-ab8c-b924de762b56" providerId="AD" clId="Web-{EDA7A7F0-2F32-44BF-8F4D-42C1AA2EAEF8}" dt="2023-04-28T10:22:44.224" v="674"/>
          <ac:picMkLst>
            <pc:docMk/>
            <pc:sldMk cId="1185554103" sldId="336"/>
            <ac:picMk id="8" creationId="{32877A3D-9012-D357-3B75-2926ADD75AC9}"/>
          </ac:picMkLst>
        </pc:picChg>
        <pc:picChg chg="del">
          <ac:chgData name="Lauge Holm Sørensen" userId="S::lahoso_food.dtu.dk#ext#@dksund.onmicrosoft.com::36edfa9c-897a-49e3-ab8c-b924de762b56" providerId="AD" clId="Web-{EDA7A7F0-2F32-44BF-8F4D-42C1AA2EAEF8}" dt="2023-04-28T10:22:45.458" v="677"/>
          <ac:picMkLst>
            <pc:docMk/>
            <pc:sldMk cId="1185554103" sldId="336"/>
            <ac:picMk id="10" creationId="{C2C0BB68-8757-FCE1-355F-0729CBBE616D}"/>
          </ac:picMkLst>
        </pc:picChg>
        <pc:picChg chg="del">
          <ac:chgData name="Lauge Holm Sørensen" userId="S::lahoso_food.dtu.dk#ext#@dksund.onmicrosoft.com::36edfa9c-897a-49e3-ab8c-b924de762b56" providerId="AD" clId="Web-{EDA7A7F0-2F32-44BF-8F4D-42C1AA2EAEF8}" dt="2023-04-28T10:22:45.146" v="676"/>
          <ac:picMkLst>
            <pc:docMk/>
            <pc:sldMk cId="1185554103" sldId="336"/>
            <ac:picMk id="13" creationId="{02EED1F6-4350-CE10-C209-4E695B001ED4}"/>
          </ac:picMkLst>
        </pc:picChg>
        <pc:picChg chg="del">
          <ac:chgData name="Lauge Holm Sørensen" userId="S::lahoso_food.dtu.dk#ext#@dksund.onmicrosoft.com::36edfa9c-897a-49e3-ab8c-b924de762b56" providerId="AD" clId="Web-{EDA7A7F0-2F32-44BF-8F4D-42C1AA2EAEF8}" dt="2023-04-28T10:22:46.333" v="679"/>
          <ac:picMkLst>
            <pc:docMk/>
            <pc:sldMk cId="1185554103" sldId="336"/>
            <ac:picMk id="14" creationId="{62E33FF0-856A-0E1F-79E3-B54F408F7FCC}"/>
          </ac:picMkLst>
        </pc:picChg>
      </pc:sldChg>
      <pc:sldChg chg="addSp modSp add replId">
        <pc:chgData name="Lauge Holm Sørensen" userId="S::lahoso_food.dtu.dk#ext#@dksund.onmicrosoft.com::36edfa9c-897a-49e3-ab8c-b924de762b56" providerId="AD" clId="Web-{EDA7A7F0-2F32-44BF-8F4D-42C1AA2EAEF8}" dt="2023-04-28T10:26:36.679" v="759" actId="20577"/>
        <pc:sldMkLst>
          <pc:docMk/>
          <pc:sldMk cId="3795028228" sldId="337"/>
        </pc:sldMkLst>
        <pc:spChg chg="add mod">
          <ac:chgData name="Lauge Holm Sørensen" userId="S::lahoso_food.dtu.dk#ext#@dksund.onmicrosoft.com::36edfa9c-897a-49e3-ab8c-b924de762b56" providerId="AD" clId="Web-{EDA7A7F0-2F32-44BF-8F4D-42C1AA2EAEF8}" dt="2023-04-28T10:25:05.350" v="747" actId="1076"/>
          <ac:spMkLst>
            <pc:docMk/>
            <pc:sldMk cId="3795028228" sldId="337"/>
            <ac:spMk id="3" creationId="{A54AC35F-E2CF-9B5F-6504-39FF83CE1140}"/>
          </ac:spMkLst>
        </pc:spChg>
        <pc:spChg chg="add mod">
          <ac:chgData name="Lauge Holm Sørensen" userId="S::lahoso_food.dtu.dk#ext#@dksund.onmicrosoft.com::36edfa9c-897a-49e3-ab8c-b924de762b56" providerId="AD" clId="Web-{EDA7A7F0-2F32-44BF-8F4D-42C1AA2EAEF8}" dt="2023-04-28T10:25:21.304" v="751" actId="1076"/>
          <ac:spMkLst>
            <pc:docMk/>
            <pc:sldMk cId="3795028228" sldId="337"/>
            <ac:spMk id="5" creationId="{8012F575-7FBD-2E77-D706-3BA97B2FC9C1}"/>
          </ac:spMkLst>
        </pc:spChg>
        <pc:spChg chg="add mod">
          <ac:chgData name="Lauge Holm Sørensen" userId="S::lahoso_food.dtu.dk#ext#@dksund.onmicrosoft.com::36edfa9c-897a-49e3-ab8c-b924de762b56" providerId="AD" clId="Web-{EDA7A7F0-2F32-44BF-8F4D-42C1AA2EAEF8}" dt="2023-04-28T10:25:34.038" v="753" actId="1076"/>
          <ac:spMkLst>
            <pc:docMk/>
            <pc:sldMk cId="3795028228" sldId="337"/>
            <ac:spMk id="6" creationId="{62F6D99E-D6AD-78AA-C6B7-75163AC298D4}"/>
          </ac:spMkLst>
        </pc:spChg>
        <pc:spChg chg="mod">
          <ac:chgData name="Lauge Holm Sørensen" userId="S::lahoso_food.dtu.dk#ext#@dksund.onmicrosoft.com::36edfa9c-897a-49e3-ab8c-b924de762b56" providerId="AD" clId="Web-{EDA7A7F0-2F32-44BF-8F4D-42C1AA2EAEF8}" dt="2023-04-28T10:26:36.679" v="759" actId="20577"/>
          <ac:spMkLst>
            <pc:docMk/>
            <pc:sldMk cId="3795028228" sldId="337"/>
            <ac:spMk id="9" creationId="{E2F39260-A4FE-4456-D2D3-5500D575B9BE}"/>
          </ac:spMkLst>
        </pc:spChg>
      </pc:sldChg>
      <pc:sldChg chg="modSp add replId">
        <pc:chgData name="Lauge Holm Sørensen" userId="S::lahoso_food.dtu.dk#ext#@dksund.onmicrosoft.com::36edfa9c-897a-49e3-ab8c-b924de762b56" providerId="AD" clId="Web-{EDA7A7F0-2F32-44BF-8F4D-42C1AA2EAEF8}" dt="2023-04-28T10:31:02.557" v="788" actId="20577"/>
        <pc:sldMkLst>
          <pc:docMk/>
          <pc:sldMk cId="3538475427" sldId="338"/>
        </pc:sldMkLst>
        <pc:spChg chg="mod">
          <ac:chgData name="Lauge Holm Sørensen" userId="S::lahoso_food.dtu.dk#ext#@dksund.onmicrosoft.com::36edfa9c-897a-49e3-ab8c-b924de762b56" providerId="AD" clId="Web-{EDA7A7F0-2F32-44BF-8F4D-42C1AA2EAEF8}" dt="2023-04-28T10:31:02.557" v="788" actId="20577"/>
          <ac:spMkLst>
            <pc:docMk/>
            <pc:sldMk cId="3538475427" sldId="338"/>
            <ac:spMk id="9" creationId="{E2F39260-A4FE-4456-D2D3-5500D575B9BE}"/>
          </ac:spMkLst>
        </pc:spChg>
      </pc:sldChg>
      <pc:sldChg chg="add del replId">
        <pc:chgData name="Lauge Holm Sørensen" userId="S::lahoso_food.dtu.dk#ext#@dksund.onmicrosoft.com::36edfa9c-897a-49e3-ab8c-b924de762b56" providerId="AD" clId="Web-{EDA7A7F0-2F32-44BF-8F4D-42C1AA2EAEF8}" dt="2023-04-28T10:25:10.663" v="749"/>
        <pc:sldMkLst>
          <pc:docMk/>
          <pc:sldMk cId="3713928536" sldId="338"/>
        </pc:sldMkLst>
      </pc:sldChg>
      <pc:sldChg chg="add del replId">
        <pc:chgData name="Lauge Holm Sørensen" userId="S::lahoso_food.dtu.dk#ext#@dksund.onmicrosoft.com::36edfa9c-897a-49e3-ab8c-b924de762b56" providerId="AD" clId="Web-{EDA7A7F0-2F32-44BF-8F4D-42C1AA2EAEF8}" dt="2023-04-28T10:31:05.354" v="790"/>
        <pc:sldMkLst>
          <pc:docMk/>
          <pc:sldMk cId="3826224149" sldId="339"/>
        </pc:sldMkLst>
      </pc:sldChg>
    </pc:docChg>
  </pc:docChgLst>
  <pc:docChgLst>
    <pc:chgData name="Niamh Lacy-Roberts" userId="S::nlac_food.dtu.dk#ext#@dksund.onmicrosoft.com::d7748471-4d7b-47f1-ac78-98f12b5c1655" providerId="AD" clId="Web-{6149230D-7132-41C9-A556-EA31A35DCE9D}"/>
    <pc:docChg chg="addSld modSld sldOrd">
      <pc:chgData name="Niamh Lacy-Roberts" userId="S::nlac_food.dtu.dk#ext#@dksund.onmicrosoft.com::d7748471-4d7b-47f1-ac78-98f12b5c1655" providerId="AD" clId="Web-{6149230D-7132-41C9-A556-EA31A35DCE9D}" dt="2023-04-27T14:16:03.719" v="1178" actId="20577"/>
      <pc:docMkLst>
        <pc:docMk/>
      </pc:docMkLst>
      <pc:sldChg chg="addSp delSp modSp">
        <pc:chgData name="Niamh Lacy-Roberts" userId="S::nlac_food.dtu.dk#ext#@dksund.onmicrosoft.com::d7748471-4d7b-47f1-ac78-98f12b5c1655" providerId="AD" clId="Web-{6149230D-7132-41C9-A556-EA31A35DCE9D}" dt="2023-04-27T13:15:30.103" v="95" actId="1076"/>
        <pc:sldMkLst>
          <pc:docMk/>
          <pc:sldMk cId="20127242" sldId="265"/>
        </pc:sldMkLst>
        <pc:spChg chg="mod">
          <ac:chgData name="Niamh Lacy-Roberts" userId="S::nlac_food.dtu.dk#ext#@dksund.onmicrosoft.com::d7748471-4d7b-47f1-ac78-98f12b5c1655" providerId="AD" clId="Web-{6149230D-7132-41C9-A556-EA31A35DCE9D}" dt="2023-04-27T13:06:22.974" v="6"/>
          <ac:spMkLst>
            <pc:docMk/>
            <pc:sldMk cId="20127242" sldId="265"/>
            <ac:spMk id="2" creationId="{793B6433-83A3-6860-1B7C-1DA2100068CD}"/>
          </ac:spMkLst>
        </pc:spChg>
        <pc:spChg chg="add del mod">
          <ac:chgData name="Niamh Lacy-Roberts" userId="S::nlac_food.dtu.dk#ext#@dksund.onmicrosoft.com::d7748471-4d7b-47f1-ac78-98f12b5c1655" providerId="AD" clId="Web-{6149230D-7132-41C9-A556-EA31A35DCE9D}" dt="2023-04-27T13:12:36.503" v="55"/>
          <ac:spMkLst>
            <pc:docMk/>
            <pc:sldMk cId="20127242" sldId="265"/>
            <ac:spMk id="3" creationId="{9EA29B1C-1498-EEA0-CDF8-FE133A63DEE6}"/>
          </ac:spMkLst>
        </pc:spChg>
        <pc:spChg chg="add mod">
          <ac:chgData name="Niamh Lacy-Roberts" userId="S::nlac_food.dtu.dk#ext#@dksund.onmicrosoft.com::d7748471-4d7b-47f1-ac78-98f12b5c1655" providerId="AD" clId="Web-{6149230D-7132-41C9-A556-EA31A35DCE9D}" dt="2023-04-27T13:15:30.103" v="95" actId="1076"/>
          <ac:spMkLst>
            <pc:docMk/>
            <pc:sldMk cId="20127242" sldId="265"/>
            <ac:spMk id="7" creationId="{6D3AA8E5-151C-B33D-11FE-1EABB9B6243D}"/>
          </ac:spMkLst>
        </pc:spChg>
        <pc:spChg chg="add mod">
          <ac:chgData name="Niamh Lacy-Roberts" userId="S::nlac_food.dtu.dk#ext#@dksund.onmicrosoft.com::d7748471-4d7b-47f1-ac78-98f12b5c1655" providerId="AD" clId="Web-{6149230D-7132-41C9-A556-EA31A35DCE9D}" dt="2023-04-27T13:15:11.306" v="91" actId="1076"/>
          <ac:spMkLst>
            <pc:docMk/>
            <pc:sldMk cId="20127242" sldId="265"/>
            <ac:spMk id="8" creationId="{581E963E-41A7-BA4D-E545-D567CDE74D0B}"/>
          </ac:spMkLst>
        </pc:spChg>
        <pc:cxnChg chg="add mod">
          <ac:chgData name="Niamh Lacy-Roberts" userId="S::nlac_food.dtu.dk#ext#@dksund.onmicrosoft.com::d7748471-4d7b-47f1-ac78-98f12b5c1655" providerId="AD" clId="Web-{6149230D-7132-41C9-A556-EA31A35DCE9D}" dt="2023-04-27T13:15:26.681" v="94" actId="1076"/>
          <ac:cxnSpMkLst>
            <pc:docMk/>
            <pc:sldMk cId="20127242" sldId="265"/>
            <ac:cxnSpMk id="9" creationId="{B2486493-9E52-2A54-0591-E18E20930096}"/>
          </ac:cxnSpMkLst>
        </pc:cxnChg>
      </pc:sldChg>
      <pc:sldChg chg="addSp delSp modSp">
        <pc:chgData name="Niamh Lacy-Roberts" userId="S::nlac_food.dtu.dk#ext#@dksund.onmicrosoft.com::d7748471-4d7b-47f1-ac78-98f12b5c1655" providerId="AD" clId="Web-{6149230D-7132-41C9-A556-EA31A35DCE9D}" dt="2023-04-27T13:47:57.221" v="767" actId="20577"/>
        <pc:sldMkLst>
          <pc:docMk/>
          <pc:sldMk cId="793461123" sldId="267"/>
        </pc:sldMkLst>
        <pc:spChg chg="add del mod">
          <ac:chgData name="Niamh Lacy-Roberts" userId="S::nlac_food.dtu.dk#ext#@dksund.onmicrosoft.com::d7748471-4d7b-47f1-ac78-98f12b5c1655" providerId="AD" clId="Web-{6149230D-7132-41C9-A556-EA31A35DCE9D}" dt="2023-04-27T13:14:25.179" v="64"/>
          <ac:spMkLst>
            <pc:docMk/>
            <pc:sldMk cId="793461123" sldId="267"/>
            <ac:spMk id="3" creationId="{B84C2903-4DCE-8E0C-0BA5-46E9D9E083F7}"/>
          </ac:spMkLst>
        </pc:spChg>
        <pc:spChg chg="add del mod">
          <ac:chgData name="Niamh Lacy-Roberts" userId="S::nlac_food.dtu.dk#ext#@dksund.onmicrosoft.com::d7748471-4d7b-47f1-ac78-98f12b5c1655" providerId="AD" clId="Web-{6149230D-7132-41C9-A556-EA31A35DCE9D}" dt="2023-04-27T13:47:57.221" v="767" actId="20577"/>
          <ac:spMkLst>
            <pc:docMk/>
            <pc:sldMk cId="793461123" sldId="267"/>
            <ac:spMk id="5" creationId="{43AB9D89-4678-4B3C-8679-3E429EFBB2DD}"/>
          </ac:spMkLst>
        </pc:spChg>
        <pc:spChg chg="mod">
          <ac:chgData name="Niamh Lacy-Roberts" userId="S::nlac_food.dtu.dk#ext#@dksund.onmicrosoft.com::d7748471-4d7b-47f1-ac78-98f12b5c1655" providerId="AD" clId="Web-{6149230D-7132-41C9-A556-EA31A35DCE9D}" dt="2023-04-27T13:40:14.610" v="715" actId="20577"/>
          <ac:spMkLst>
            <pc:docMk/>
            <pc:sldMk cId="793461123" sldId="267"/>
            <ac:spMk id="6" creationId="{5A5890CD-8F90-4FE7-841F-F7B0C2865BA2}"/>
          </ac:spMkLst>
        </pc:spChg>
        <pc:spChg chg="add del">
          <ac:chgData name="Niamh Lacy-Roberts" userId="S::nlac_food.dtu.dk#ext#@dksund.onmicrosoft.com::d7748471-4d7b-47f1-ac78-98f12b5c1655" providerId="AD" clId="Web-{6149230D-7132-41C9-A556-EA31A35DCE9D}" dt="2023-04-27T13:14:24.554" v="63"/>
          <ac:spMkLst>
            <pc:docMk/>
            <pc:sldMk cId="793461123" sldId="267"/>
            <ac:spMk id="8" creationId="{C94EF9D2-6E28-AFE2-CE55-FE74D625CBAB}"/>
          </ac:spMkLst>
        </pc:spChg>
        <pc:spChg chg="add del">
          <ac:chgData name="Niamh Lacy-Roberts" userId="S::nlac_food.dtu.dk#ext#@dksund.onmicrosoft.com::d7748471-4d7b-47f1-ac78-98f12b5c1655" providerId="AD" clId="Web-{6149230D-7132-41C9-A556-EA31A35DCE9D}" dt="2023-04-27T13:34:52.880" v="596"/>
          <ac:spMkLst>
            <pc:docMk/>
            <pc:sldMk cId="793461123" sldId="267"/>
            <ac:spMk id="13" creationId="{C07C0798-6E67-A85D-5DBB-845066AA75B1}"/>
          </ac:spMkLst>
        </pc:spChg>
        <pc:spChg chg="add del">
          <ac:chgData name="Niamh Lacy-Roberts" userId="S::nlac_food.dtu.dk#ext#@dksund.onmicrosoft.com::d7748471-4d7b-47f1-ac78-98f12b5c1655" providerId="AD" clId="Web-{6149230D-7132-41C9-A556-EA31A35DCE9D}" dt="2023-04-27T13:35:01.661" v="598"/>
          <ac:spMkLst>
            <pc:docMk/>
            <pc:sldMk cId="793461123" sldId="267"/>
            <ac:spMk id="15" creationId="{80D92A05-89B4-0775-3BF9-7B564D8BD36F}"/>
          </ac:spMkLst>
        </pc:spChg>
        <pc:spChg chg="add del">
          <ac:chgData name="Niamh Lacy-Roberts" userId="S::nlac_food.dtu.dk#ext#@dksund.onmicrosoft.com::d7748471-4d7b-47f1-ac78-98f12b5c1655" providerId="AD" clId="Web-{6149230D-7132-41C9-A556-EA31A35DCE9D}" dt="2023-04-27T13:35:12.224" v="600"/>
          <ac:spMkLst>
            <pc:docMk/>
            <pc:sldMk cId="793461123" sldId="267"/>
            <ac:spMk id="17" creationId="{22E33734-5833-4E35-71E9-A280D4EC4825}"/>
          </ac:spMkLst>
        </pc:spChg>
        <pc:spChg chg="add del">
          <ac:chgData name="Niamh Lacy-Roberts" userId="S::nlac_food.dtu.dk#ext#@dksund.onmicrosoft.com::d7748471-4d7b-47f1-ac78-98f12b5c1655" providerId="AD" clId="Web-{6149230D-7132-41C9-A556-EA31A35DCE9D}" dt="2023-04-27T13:35:29.865" v="602"/>
          <ac:spMkLst>
            <pc:docMk/>
            <pc:sldMk cId="793461123" sldId="267"/>
            <ac:spMk id="19" creationId="{F9198D8F-0158-9090-86A7-48D08D3B5D67}"/>
          </ac:spMkLst>
        </pc:spChg>
        <pc:spChg chg="add del">
          <ac:chgData name="Niamh Lacy-Roberts" userId="S::nlac_food.dtu.dk#ext#@dksund.onmicrosoft.com::d7748471-4d7b-47f1-ac78-98f12b5c1655" providerId="AD" clId="Web-{6149230D-7132-41C9-A556-EA31A35DCE9D}" dt="2023-04-27T13:36:04.148" v="608"/>
          <ac:spMkLst>
            <pc:docMk/>
            <pc:sldMk cId="793461123" sldId="267"/>
            <ac:spMk id="21" creationId="{9C1420A0-42B1-1149-AA62-C2D7EC929F55}"/>
          </ac:spMkLst>
        </pc:spChg>
        <pc:spChg chg="add mod">
          <ac:chgData name="Niamh Lacy-Roberts" userId="S::nlac_food.dtu.dk#ext#@dksund.onmicrosoft.com::d7748471-4d7b-47f1-ac78-98f12b5c1655" providerId="AD" clId="Web-{6149230D-7132-41C9-A556-EA31A35DCE9D}" dt="2023-04-27T13:40:27.095" v="717" actId="1076"/>
          <ac:spMkLst>
            <pc:docMk/>
            <pc:sldMk cId="793461123" sldId="267"/>
            <ac:spMk id="25" creationId="{3E1F61C5-8407-63DF-6DF9-4E3B262588EF}"/>
          </ac:spMkLst>
        </pc:spChg>
        <pc:graphicFrameChg chg="add del mod modGraphic">
          <ac:chgData name="Niamh Lacy-Roberts" userId="S::nlac_food.dtu.dk#ext#@dksund.onmicrosoft.com::d7748471-4d7b-47f1-ac78-98f12b5c1655" providerId="AD" clId="Web-{6149230D-7132-41C9-A556-EA31A35DCE9D}" dt="2023-04-27T13:26:12.689" v="425"/>
          <ac:graphicFrameMkLst>
            <pc:docMk/>
            <pc:sldMk cId="793461123" sldId="267"/>
            <ac:graphicFrameMk id="9" creationId="{B12C1343-7607-9553-999B-496D96A5A18A}"/>
          </ac:graphicFrameMkLst>
        </pc:graphicFrameChg>
        <pc:graphicFrameChg chg="add del mod modGraphic">
          <ac:chgData name="Niamh Lacy-Roberts" userId="S::nlac_food.dtu.dk#ext#@dksund.onmicrosoft.com::d7748471-4d7b-47f1-ac78-98f12b5c1655" providerId="AD" clId="Web-{6149230D-7132-41C9-A556-EA31A35DCE9D}" dt="2023-04-27T13:34:50.145" v="594"/>
          <ac:graphicFrameMkLst>
            <pc:docMk/>
            <pc:sldMk cId="793461123" sldId="267"/>
            <ac:graphicFrameMk id="10" creationId="{9554D7FE-65A1-1F46-07BC-79D8FB7A4F8B}"/>
          </ac:graphicFrameMkLst>
        </pc:graphicFrameChg>
        <pc:graphicFrameChg chg="add del mod">
          <ac:chgData name="Niamh Lacy-Roberts" userId="S::nlac_food.dtu.dk#ext#@dksund.onmicrosoft.com::d7748471-4d7b-47f1-ac78-98f12b5c1655" providerId="AD" clId="Web-{6149230D-7132-41C9-A556-EA31A35DCE9D}" dt="2023-04-27T13:27:30.598" v="479"/>
          <ac:graphicFrameMkLst>
            <pc:docMk/>
            <pc:sldMk cId="793461123" sldId="267"/>
            <ac:graphicFrameMk id="11" creationId="{A35CE693-CC75-8AF4-B764-B85E4D5550BF}"/>
          </ac:graphicFrameMkLst>
        </pc:graphicFrameChg>
        <pc:graphicFrameChg chg="add mod">
          <ac:chgData name="Niamh Lacy-Roberts" userId="S::nlac_food.dtu.dk#ext#@dksund.onmicrosoft.com::d7748471-4d7b-47f1-ac78-98f12b5c1655" providerId="AD" clId="Web-{6149230D-7132-41C9-A556-EA31A35DCE9D}" dt="2023-04-27T13:40:27.079" v="716" actId="1076"/>
          <ac:graphicFrameMkLst>
            <pc:docMk/>
            <pc:sldMk cId="793461123" sldId="267"/>
            <ac:graphicFrameMk id="23" creationId="{E3083B5C-A43D-B525-2258-D301C0C9860C}"/>
          </ac:graphicFrameMkLst>
        </pc:graphicFrameChg>
      </pc:sldChg>
      <pc:sldChg chg="addSp delSp modSp">
        <pc:chgData name="Niamh Lacy-Roberts" userId="S::nlac_food.dtu.dk#ext#@dksund.onmicrosoft.com::d7748471-4d7b-47f1-ac78-98f12b5c1655" providerId="AD" clId="Web-{6149230D-7132-41C9-A556-EA31A35DCE9D}" dt="2023-04-27T13:48:00.689" v="769" actId="20577"/>
        <pc:sldMkLst>
          <pc:docMk/>
          <pc:sldMk cId="2836067693" sldId="269"/>
        </pc:sldMkLst>
        <pc:spChg chg="mod">
          <ac:chgData name="Niamh Lacy-Roberts" userId="S::nlac_food.dtu.dk#ext#@dksund.onmicrosoft.com::d7748471-4d7b-47f1-ac78-98f12b5c1655" providerId="AD" clId="Web-{6149230D-7132-41C9-A556-EA31A35DCE9D}" dt="2023-04-27T13:48:00.689" v="769" actId="20577"/>
          <ac:spMkLst>
            <pc:docMk/>
            <pc:sldMk cId="2836067693" sldId="269"/>
            <ac:spMk id="5" creationId="{43AB9D89-4678-4B3C-8679-3E429EFBB2DD}"/>
          </ac:spMkLst>
        </pc:spChg>
        <pc:spChg chg="del">
          <ac:chgData name="Niamh Lacy-Roberts" userId="S::nlac_food.dtu.dk#ext#@dksund.onmicrosoft.com::d7748471-4d7b-47f1-ac78-98f12b5c1655" providerId="AD" clId="Web-{6149230D-7132-41C9-A556-EA31A35DCE9D}" dt="2023-04-27T13:27:43.708" v="480"/>
          <ac:spMkLst>
            <pc:docMk/>
            <pc:sldMk cId="2836067693" sldId="269"/>
            <ac:spMk id="6" creationId="{5A5890CD-8F90-4FE7-841F-F7B0C2865BA2}"/>
          </ac:spMkLst>
        </pc:spChg>
        <pc:spChg chg="add mod">
          <ac:chgData name="Niamh Lacy-Roberts" userId="S::nlac_food.dtu.dk#ext#@dksund.onmicrosoft.com::d7748471-4d7b-47f1-ac78-98f12b5c1655" providerId="AD" clId="Web-{6149230D-7132-41C9-A556-EA31A35DCE9D}" dt="2023-04-27T13:33:19.017" v="563" actId="1076"/>
          <ac:spMkLst>
            <pc:docMk/>
            <pc:sldMk cId="2836067693" sldId="269"/>
            <ac:spMk id="21" creationId="{FE8A586E-D059-0A5D-B7EE-55966F4B2D09}"/>
          </ac:spMkLst>
        </pc:spChg>
        <pc:spChg chg="add mod">
          <ac:chgData name="Niamh Lacy-Roberts" userId="S::nlac_food.dtu.dk#ext#@dksund.onmicrosoft.com::d7748471-4d7b-47f1-ac78-98f12b5c1655" providerId="AD" clId="Web-{6149230D-7132-41C9-A556-EA31A35DCE9D}" dt="2023-04-27T13:33:19.095" v="564" actId="1076"/>
          <ac:spMkLst>
            <pc:docMk/>
            <pc:sldMk cId="2836067693" sldId="269"/>
            <ac:spMk id="24" creationId="{1074CDF0-7132-9AD4-E672-45C3B175FC4F}"/>
          </ac:spMkLst>
        </pc:spChg>
        <pc:spChg chg="add mod">
          <ac:chgData name="Niamh Lacy-Roberts" userId="S::nlac_food.dtu.dk#ext#@dksund.onmicrosoft.com::d7748471-4d7b-47f1-ac78-98f12b5c1655" providerId="AD" clId="Web-{6149230D-7132-41C9-A556-EA31A35DCE9D}" dt="2023-04-27T13:33:19.158" v="565" actId="1076"/>
          <ac:spMkLst>
            <pc:docMk/>
            <pc:sldMk cId="2836067693" sldId="269"/>
            <ac:spMk id="25" creationId="{7CC2A4A8-FD99-9C03-C9E6-26E63A0D1FEB}"/>
          </ac:spMkLst>
        </pc:spChg>
        <pc:spChg chg="add mod">
          <ac:chgData name="Niamh Lacy-Roberts" userId="S::nlac_food.dtu.dk#ext#@dksund.onmicrosoft.com::d7748471-4d7b-47f1-ac78-98f12b5c1655" providerId="AD" clId="Web-{6149230D-7132-41C9-A556-EA31A35DCE9D}" dt="2023-04-27T13:33:19.220" v="566" actId="1076"/>
          <ac:spMkLst>
            <pc:docMk/>
            <pc:sldMk cId="2836067693" sldId="269"/>
            <ac:spMk id="26" creationId="{CB2B13DC-4E45-D66A-F74A-36CD555E1D35}"/>
          </ac:spMkLst>
        </pc:spChg>
        <pc:spChg chg="add mod">
          <ac:chgData name="Niamh Lacy-Roberts" userId="S::nlac_food.dtu.dk#ext#@dksund.onmicrosoft.com::d7748471-4d7b-47f1-ac78-98f12b5c1655" providerId="AD" clId="Web-{6149230D-7132-41C9-A556-EA31A35DCE9D}" dt="2023-04-27T13:33:19.283" v="567" actId="1076"/>
          <ac:spMkLst>
            <pc:docMk/>
            <pc:sldMk cId="2836067693" sldId="269"/>
            <ac:spMk id="27" creationId="{88F6D3E0-6E61-F77A-57C7-62EC197C6ACF}"/>
          </ac:spMkLst>
        </pc:spChg>
        <pc:spChg chg="add mod">
          <ac:chgData name="Niamh Lacy-Roberts" userId="S::nlac_food.dtu.dk#ext#@dksund.onmicrosoft.com::d7748471-4d7b-47f1-ac78-98f12b5c1655" providerId="AD" clId="Web-{6149230D-7132-41C9-A556-EA31A35DCE9D}" dt="2023-04-27T13:33:19.345" v="568" actId="1076"/>
          <ac:spMkLst>
            <pc:docMk/>
            <pc:sldMk cId="2836067693" sldId="269"/>
            <ac:spMk id="28" creationId="{BF2EAE45-96EC-A2C7-1CB9-8379C1DDB6AF}"/>
          </ac:spMkLst>
        </pc:spChg>
        <pc:spChg chg="add mod">
          <ac:chgData name="Niamh Lacy-Roberts" userId="S::nlac_food.dtu.dk#ext#@dksund.onmicrosoft.com::d7748471-4d7b-47f1-ac78-98f12b5c1655" providerId="AD" clId="Web-{6149230D-7132-41C9-A556-EA31A35DCE9D}" dt="2023-04-27T13:33:19.408" v="569" actId="1076"/>
          <ac:spMkLst>
            <pc:docMk/>
            <pc:sldMk cId="2836067693" sldId="269"/>
            <ac:spMk id="29" creationId="{089A6B6E-30ED-1BD7-5EE0-1D2BAC87839B}"/>
          </ac:spMkLst>
        </pc:spChg>
        <pc:spChg chg="add mod">
          <ac:chgData name="Niamh Lacy-Roberts" userId="S::nlac_food.dtu.dk#ext#@dksund.onmicrosoft.com::d7748471-4d7b-47f1-ac78-98f12b5c1655" providerId="AD" clId="Web-{6149230D-7132-41C9-A556-EA31A35DCE9D}" dt="2023-04-27T13:33:19.486" v="570" actId="1076"/>
          <ac:spMkLst>
            <pc:docMk/>
            <pc:sldMk cId="2836067693" sldId="269"/>
            <ac:spMk id="30" creationId="{41A3EF7B-70A8-4EC1-A482-66AF2B7D54AE}"/>
          </ac:spMkLst>
        </pc:spChg>
        <pc:spChg chg="add mod">
          <ac:chgData name="Niamh Lacy-Roberts" userId="S::nlac_food.dtu.dk#ext#@dksund.onmicrosoft.com::d7748471-4d7b-47f1-ac78-98f12b5c1655" providerId="AD" clId="Web-{6149230D-7132-41C9-A556-EA31A35DCE9D}" dt="2023-04-27T13:33:19.611" v="572" actId="1076"/>
          <ac:spMkLst>
            <pc:docMk/>
            <pc:sldMk cId="2836067693" sldId="269"/>
            <ac:spMk id="35" creationId="{D390F757-F139-6553-BD79-6BAFED09DFE9}"/>
          </ac:spMkLst>
        </pc:spChg>
        <pc:spChg chg="add mod">
          <ac:chgData name="Niamh Lacy-Roberts" userId="S::nlac_food.dtu.dk#ext#@dksund.onmicrosoft.com::d7748471-4d7b-47f1-ac78-98f12b5c1655" providerId="AD" clId="Web-{6149230D-7132-41C9-A556-EA31A35DCE9D}" dt="2023-04-27T13:33:19.673" v="573" actId="1076"/>
          <ac:spMkLst>
            <pc:docMk/>
            <pc:sldMk cId="2836067693" sldId="269"/>
            <ac:spMk id="36" creationId="{31A4754F-18D9-4F93-89F3-2DBAEEFB3D88}"/>
          </ac:spMkLst>
        </pc:spChg>
        <pc:spChg chg="add del">
          <ac:chgData name="Niamh Lacy-Roberts" userId="S::nlac_food.dtu.dk#ext#@dksund.onmicrosoft.com::d7748471-4d7b-47f1-ac78-98f12b5c1655" providerId="AD" clId="Web-{6149230D-7132-41C9-A556-EA31A35DCE9D}" dt="2023-04-27T13:32:07.717" v="543"/>
          <ac:spMkLst>
            <pc:docMk/>
            <pc:sldMk cId="2836067693" sldId="269"/>
            <ac:spMk id="37" creationId="{90C50EBA-9132-3810-83D1-739ADC3962AF}"/>
          </ac:spMkLst>
        </pc:spChg>
        <pc:spChg chg="add mod">
          <ac:chgData name="Niamh Lacy-Roberts" userId="S::nlac_food.dtu.dk#ext#@dksund.onmicrosoft.com::d7748471-4d7b-47f1-ac78-98f12b5c1655" providerId="AD" clId="Web-{6149230D-7132-41C9-A556-EA31A35DCE9D}" dt="2023-04-27T13:33:29.799" v="578" actId="1076"/>
          <ac:spMkLst>
            <pc:docMk/>
            <pc:sldMk cId="2836067693" sldId="269"/>
            <ac:spMk id="39" creationId="{E053CD5A-1FFE-14F5-6361-7D3A3266DE3F}"/>
          </ac:spMkLst>
        </pc:spChg>
        <pc:spChg chg="add mod">
          <ac:chgData name="Niamh Lacy-Roberts" userId="S::nlac_food.dtu.dk#ext#@dksund.onmicrosoft.com::d7748471-4d7b-47f1-ac78-98f12b5c1655" providerId="AD" clId="Web-{6149230D-7132-41C9-A556-EA31A35DCE9D}" dt="2023-04-27T13:33:19.814" v="575" actId="1076"/>
          <ac:spMkLst>
            <pc:docMk/>
            <pc:sldMk cId="2836067693" sldId="269"/>
            <ac:spMk id="40" creationId="{0089BB8D-52A6-5121-1C25-FB25A67C0A62}"/>
          </ac:spMkLst>
        </pc:spChg>
        <pc:spChg chg="add mod">
          <ac:chgData name="Niamh Lacy-Roberts" userId="S::nlac_food.dtu.dk#ext#@dksund.onmicrosoft.com::d7748471-4d7b-47f1-ac78-98f12b5c1655" providerId="AD" clId="Web-{6149230D-7132-41C9-A556-EA31A35DCE9D}" dt="2023-04-27T13:33:34.346" v="579" actId="1076"/>
          <ac:spMkLst>
            <pc:docMk/>
            <pc:sldMk cId="2836067693" sldId="269"/>
            <ac:spMk id="42" creationId="{F88311F5-601F-1C31-8ADB-265AE9724379}"/>
          </ac:spMkLst>
        </pc:spChg>
        <pc:spChg chg="add mod">
          <ac:chgData name="Niamh Lacy-Roberts" userId="S::nlac_food.dtu.dk#ext#@dksund.onmicrosoft.com::d7748471-4d7b-47f1-ac78-98f12b5c1655" providerId="AD" clId="Web-{6149230D-7132-41C9-A556-EA31A35DCE9D}" dt="2023-04-27T13:33:19.954" v="577" actId="1076"/>
          <ac:spMkLst>
            <pc:docMk/>
            <pc:sldMk cId="2836067693" sldId="269"/>
            <ac:spMk id="43" creationId="{B95E6417-EA0A-EF4E-58B8-78DEB59DE3DE}"/>
          </ac:spMkLst>
        </pc:spChg>
        <pc:spChg chg="add del">
          <ac:chgData name="Niamh Lacy-Roberts" userId="S::nlac_food.dtu.dk#ext#@dksund.onmicrosoft.com::d7748471-4d7b-47f1-ac78-98f12b5c1655" providerId="AD" clId="Web-{6149230D-7132-41C9-A556-EA31A35DCE9D}" dt="2023-04-27T13:33:40.393" v="581"/>
          <ac:spMkLst>
            <pc:docMk/>
            <pc:sldMk cId="2836067693" sldId="269"/>
            <ac:spMk id="44" creationId="{E268C541-A3E5-80C9-DD94-5FCAD0F841E8}"/>
          </ac:spMkLst>
        </pc:spChg>
        <pc:spChg chg="add mod">
          <ac:chgData name="Niamh Lacy-Roberts" userId="S::nlac_food.dtu.dk#ext#@dksund.onmicrosoft.com::d7748471-4d7b-47f1-ac78-98f12b5c1655" providerId="AD" clId="Web-{6149230D-7132-41C9-A556-EA31A35DCE9D}" dt="2023-04-27T13:33:58.096" v="585" actId="1076"/>
          <ac:spMkLst>
            <pc:docMk/>
            <pc:sldMk cId="2836067693" sldId="269"/>
            <ac:spMk id="46" creationId="{6747A3CF-5A7F-1DF2-37DF-F0A408AFEDF9}"/>
          </ac:spMkLst>
        </pc:spChg>
        <pc:spChg chg="add mod">
          <ac:chgData name="Niamh Lacy-Roberts" userId="S::nlac_food.dtu.dk#ext#@dksund.onmicrosoft.com::d7748471-4d7b-47f1-ac78-98f12b5c1655" providerId="AD" clId="Web-{6149230D-7132-41C9-A556-EA31A35DCE9D}" dt="2023-04-27T13:34:05.440" v="588" actId="14100"/>
          <ac:spMkLst>
            <pc:docMk/>
            <pc:sldMk cId="2836067693" sldId="269"/>
            <ac:spMk id="47" creationId="{93974ACD-9CD3-A156-6B69-B405CE722381}"/>
          </ac:spMkLst>
        </pc:spChg>
        <pc:spChg chg="add mod">
          <ac:chgData name="Niamh Lacy-Roberts" userId="S::nlac_food.dtu.dk#ext#@dksund.onmicrosoft.com::d7748471-4d7b-47f1-ac78-98f12b5c1655" providerId="AD" clId="Web-{6149230D-7132-41C9-A556-EA31A35DCE9D}" dt="2023-04-27T13:34:18.332" v="591" actId="1076"/>
          <ac:spMkLst>
            <pc:docMk/>
            <pc:sldMk cId="2836067693" sldId="269"/>
            <ac:spMk id="48" creationId="{F830A4F3-F5C4-2B4C-27E0-3D9603EF9277}"/>
          </ac:spMkLst>
        </pc:spChg>
        <pc:spChg chg="add mod">
          <ac:chgData name="Niamh Lacy-Roberts" userId="S::nlac_food.dtu.dk#ext#@dksund.onmicrosoft.com::d7748471-4d7b-47f1-ac78-98f12b5c1655" providerId="AD" clId="Web-{6149230D-7132-41C9-A556-EA31A35DCE9D}" dt="2023-04-27T13:43:50.384" v="737" actId="14100"/>
          <ac:spMkLst>
            <pc:docMk/>
            <pc:sldMk cId="2836067693" sldId="269"/>
            <ac:spMk id="49" creationId="{5D0A0E7E-C16B-D218-0EE8-6C6DE980A37D}"/>
          </ac:spMkLst>
        </pc:spChg>
        <pc:spChg chg="add mod">
          <ac:chgData name="Niamh Lacy-Roberts" userId="S::nlac_food.dtu.dk#ext#@dksund.onmicrosoft.com::d7748471-4d7b-47f1-ac78-98f12b5c1655" providerId="AD" clId="Web-{6149230D-7132-41C9-A556-EA31A35DCE9D}" dt="2023-04-27T13:44:12.697" v="746" actId="1076"/>
          <ac:spMkLst>
            <pc:docMk/>
            <pc:sldMk cId="2836067693" sldId="269"/>
            <ac:spMk id="50" creationId="{0EAE731A-0E74-4719-F75D-430C5435A302}"/>
          </ac:spMkLst>
        </pc:spChg>
        <pc:spChg chg="add mod">
          <ac:chgData name="Niamh Lacy-Roberts" userId="S::nlac_food.dtu.dk#ext#@dksund.onmicrosoft.com::d7748471-4d7b-47f1-ac78-98f12b5c1655" providerId="AD" clId="Web-{6149230D-7132-41C9-A556-EA31A35DCE9D}" dt="2023-04-27T13:44:46.323" v="758" actId="1076"/>
          <ac:spMkLst>
            <pc:docMk/>
            <pc:sldMk cId="2836067693" sldId="269"/>
            <ac:spMk id="51" creationId="{6F704ABA-858F-FE39-5B33-89D5BEA9B34F}"/>
          </ac:spMkLst>
        </pc:spChg>
        <pc:graphicFrameChg chg="add mod">
          <ac:chgData name="Niamh Lacy-Roberts" userId="S::nlac_food.dtu.dk#ext#@dksund.onmicrosoft.com::d7748471-4d7b-47f1-ac78-98f12b5c1655" providerId="AD" clId="Web-{6149230D-7132-41C9-A556-EA31A35DCE9D}" dt="2023-04-27T13:33:18.673" v="558" actId="1076"/>
          <ac:graphicFrameMkLst>
            <pc:docMk/>
            <pc:sldMk cId="2836067693" sldId="269"/>
            <ac:graphicFrameMk id="3" creationId="{F541ACE0-D533-1C62-C9A1-D8F7DAD38528}"/>
          </ac:graphicFrameMkLst>
        </pc:graphicFrameChg>
        <pc:graphicFrameChg chg="add mod modGraphic">
          <ac:chgData name="Niamh Lacy-Roberts" userId="S::nlac_food.dtu.dk#ext#@dksund.onmicrosoft.com::d7748471-4d7b-47f1-ac78-98f12b5c1655" providerId="AD" clId="Web-{6149230D-7132-41C9-A556-EA31A35DCE9D}" dt="2023-04-27T13:42:27.552" v="721"/>
          <ac:graphicFrameMkLst>
            <pc:docMk/>
            <pc:sldMk cId="2836067693" sldId="269"/>
            <ac:graphicFrameMk id="8" creationId="{8968FB88-0B23-9964-A21E-6833CB430555}"/>
          </ac:graphicFrameMkLst>
        </pc:graphicFrameChg>
        <pc:graphicFrameChg chg="add mod modGraphic">
          <ac:chgData name="Niamh Lacy-Roberts" userId="S::nlac_food.dtu.dk#ext#@dksund.onmicrosoft.com::d7748471-4d7b-47f1-ac78-98f12b5c1655" providerId="AD" clId="Web-{6149230D-7132-41C9-A556-EA31A35DCE9D}" dt="2023-04-27T13:42:30.756" v="722"/>
          <ac:graphicFrameMkLst>
            <pc:docMk/>
            <pc:sldMk cId="2836067693" sldId="269"/>
            <ac:graphicFrameMk id="10" creationId="{10013268-7605-4664-1B25-325BC88F8A4E}"/>
          </ac:graphicFrameMkLst>
        </pc:graphicFrameChg>
        <pc:graphicFrameChg chg="add mod modGraphic">
          <ac:chgData name="Niamh Lacy-Roberts" userId="S::nlac_food.dtu.dk#ext#@dksund.onmicrosoft.com::d7748471-4d7b-47f1-ac78-98f12b5c1655" providerId="AD" clId="Web-{6149230D-7132-41C9-A556-EA31A35DCE9D}" dt="2023-04-27T13:42:36.412" v="723"/>
          <ac:graphicFrameMkLst>
            <pc:docMk/>
            <pc:sldMk cId="2836067693" sldId="269"/>
            <ac:graphicFrameMk id="12" creationId="{E66128E2-EFEC-5E2C-20D9-F1D3BB620F0D}"/>
          </ac:graphicFrameMkLst>
        </pc:graphicFrameChg>
        <pc:graphicFrameChg chg="add mod modGraphic">
          <ac:chgData name="Niamh Lacy-Roberts" userId="S::nlac_food.dtu.dk#ext#@dksund.onmicrosoft.com::d7748471-4d7b-47f1-ac78-98f12b5c1655" providerId="AD" clId="Web-{6149230D-7132-41C9-A556-EA31A35DCE9D}" dt="2023-04-27T13:42:38.975" v="724"/>
          <ac:graphicFrameMkLst>
            <pc:docMk/>
            <pc:sldMk cId="2836067693" sldId="269"/>
            <ac:graphicFrameMk id="14" creationId="{10BCDDB8-A334-ECBF-FEC3-9952B4F63A4F}"/>
          </ac:graphicFrameMkLst>
        </pc:graphicFrameChg>
        <pc:graphicFrameChg chg="add del modGraphic">
          <ac:chgData name="Niamh Lacy-Roberts" userId="S::nlac_food.dtu.dk#ext#@dksund.onmicrosoft.com::d7748471-4d7b-47f1-ac78-98f12b5c1655" providerId="AD" clId="Web-{6149230D-7132-41C9-A556-EA31A35DCE9D}" dt="2023-04-27T13:28:40.460" v="492"/>
          <ac:graphicFrameMkLst>
            <pc:docMk/>
            <pc:sldMk cId="2836067693" sldId="269"/>
            <ac:graphicFrameMk id="16" creationId="{0BFE4D31-C421-C1E6-D917-0A2B2D1E23F0}"/>
          </ac:graphicFrameMkLst>
        </pc:graphicFrameChg>
        <pc:graphicFrameChg chg="add del mod">
          <ac:chgData name="Niamh Lacy-Roberts" userId="S::nlac_food.dtu.dk#ext#@dksund.onmicrosoft.com::d7748471-4d7b-47f1-ac78-98f12b5c1655" providerId="AD" clId="Web-{6149230D-7132-41C9-A556-EA31A35DCE9D}" dt="2023-04-27T13:28:46.585" v="494"/>
          <ac:graphicFrameMkLst>
            <pc:docMk/>
            <pc:sldMk cId="2836067693" sldId="269"/>
            <ac:graphicFrameMk id="18" creationId="{FE834B84-0EAF-C777-BC8B-4EBFA94D8F2E}"/>
          </ac:graphicFrameMkLst>
        </pc:graphicFrameChg>
        <pc:graphicFrameChg chg="add del mod modGraphic">
          <ac:chgData name="Niamh Lacy-Roberts" userId="S::nlac_food.dtu.dk#ext#@dksund.onmicrosoft.com::d7748471-4d7b-47f1-ac78-98f12b5c1655" providerId="AD" clId="Web-{6149230D-7132-41C9-A556-EA31A35DCE9D}" dt="2023-04-27T13:29:04.961" v="499"/>
          <ac:graphicFrameMkLst>
            <pc:docMk/>
            <pc:sldMk cId="2836067693" sldId="269"/>
            <ac:graphicFrameMk id="20" creationId="{03B30A20-BCC8-C9A9-C2ED-A114A7B6C308}"/>
          </ac:graphicFrameMkLst>
        </pc:graphicFrameChg>
        <pc:graphicFrameChg chg="add del mod">
          <ac:chgData name="Niamh Lacy-Roberts" userId="S::nlac_food.dtu.dk#ext#@dksund.onmicrosoft.com::d7748471-4d7b-47f1-ac78-98f12b5c1655" providerId="AD" clId="Web-{6149230D-7132-41C9-A556-EA31A35DCE9D}" dt="2023-04-27T13:29:39.134" v="508"/>
          <ac:graphicFrameMkLst>
            <pc:docMk/>
            <pc:sldMk cId="2836067693" sldId="269"/>
            <ac:graphicFrameMk id="23" creationId="{7F27EEAC-AA9A-C67C-1270-8FB30A9DCE63}"/>
          </ac:graphicFrameMkLst>
        </pc:graphicFrameChg>
        <pc:graphicFrameChg chg="add mod modGraphic">
          <ac:chgData name="Niamh Lacy-Roberts" userId="S::nlac_food.dtu.dk#ext#@dksund.onmicrosoft.com::d7748471-4d7b-47f1-ac78-98f12b5c1655" providerId="AD" clId="Web-{6149230D-7132-41C9-A556-EA31A35DCE9D}" dt="2023-04-27T13:42:49.163" v="727"/>
          <ac:graphicFrameMkLst>
            <pc:docMk/>
            <pc:sldMk cId="2836067693" sldId="269"/>
            <ac:graphicFrameMk id="31" creationId="{058812B4-B10A-55F0-DC36-CC72465B8D8F}"/>
          </ac:graphicFrameMkLst>
        </pc:graphicFrameChg>
        <pc:graphicFrameChg chg="add del">
          <ac:chgData name="Niamh Lacy-Roberts" userId="S::nlac_food.dtu.dk#ext#@dksund.onmicrosoft.com::d7748471-4d7b-47f1-ac78-98f12b5c1655" providerId="AD" clId="Web-{6149230D-7132-41C9-A556-EA31A35DCE9D}" dt="2023-04-27T13:31:06.293" v="532"/>
          <ac:graphicFrameMkLst>
            <pc:docMk/>
            <pc:sldMk cId="2836067693" sldId="269"/>
            <ac:graphicFrameMk id="32" creationId="{57959BAB-B29C-B3A9-2610-B3AA164CDBB2}"/>
          </ac:graphicFrameMkLst>
        </pc:graphicFrameChg>
        <pc:graphicFrameChg chg="add del">
          <ac:chgData name="Niamh Lacy-Roberts" userId="S::nlac_food.dtu.dk#ext#@dksund.onmicrosoft.com::d7748471-4d7b-47f1-ac78-98f12b5c1655" providerId="AD" clId="Web-{6149230D-7132-41C9-A556-EA31A35DCE9D}" dt="2023-04-27T13:31:12.059" v="534"/>
          <ac:graphicFrameMkLst>
            <pc:docMk/>
            <pc:sldMk cId="2836067693" sldId="269"/>
            <ac:graphicFrameMk id="33" creationId="{D1DAB086-9F40-39CF-AF10-7907D1248290}"/>
          </ac:graphicFrameMkLst>
        </pc:graphicFrameChg>
        <pc:graphicFrameChg chg="add del">
          <ac:chgData name="Niamh Lacy-Roberts" userId="S::nlac_food.dtu.dk#ext#@dksund.onmicrosoft.com::d7748471-4d7b-47f1-ac78-98f12b5c1655" providerId="AD" clId="Web-{6149230D-7132-41C9-A556-EA31A35DCE9D}" dt="2023-04-27T13:31:17.559" v="536"/>
          <ac:graphicFrameMkLst>
            <pc:docMk/>
            <pc:sldMk cId="2836067693" sldId="269"/>
            <ac:graphicFrameMk id="34" creationId="{9621C699-9EE3-DB72-E373-AED1E9976357}"/>
          </ac:graphicFrameMkLst>
        </pc:graphicFrameChg>
        <pc:graphicFrameChg chg="add mod modGraphic">
          <ac:chgData name="Niamh Lacy-Roberts" userId="S::nlac_food.dtu.dk#ext#@dksund.onmicrosoft.com::d7748471-4d7b-47f1-ac78-98f12b5c1655" providerId="AD" clId="Web-{6149230D-7132-41C9-A556-EA31A35DCE9D}" dt="2023-04-27T13:43:11.538" v="729"/>
          <ac:graphicFrameMkLst>
            <pc:docMk/>
            <pc:sldMk cId="2836067693" sldId="269"/>
            <ac:graphicFrameMk id="38" creationId="{21EAA438-C7EB-FA96-78E5-8A6BF7B19C1B}"/>
          </ac:graphicFrameMkLst>
        </pc:graphicFrameChg>
        <pc:graphicFrameChg chg="add mod modGraphic">
          <ac:chgData name="Niamh Lacy-Roberts" userId="S::nlac_food.dtu.dk#ext#@dksund.onmicrosoft.com::d7748471-4d7b-47f1-ac78-98f12b5c1655" providerId="AD" clId="Web-{6149230D-7132-41C9-A556-EA31A35DCE9D}" dt="2023-04-27T13:43:14.413" v="730"/>
          <ac:graphicFrameMkLst>
            <pc:docMk/>
            <pc:sldMk cId="2836067693" sldId="269"/>
            <ac:graphicFrameMk id="41" creationId="{A9E82BD4-65CB-3B33-1EA1-ED77389CF55A}"/>
          </ac:graphicFrameMkLst>
        </pc:graphicFrameChg>
        <pc:graphicFrameChg chg="add mod modGraphic">
          <ac:chgData name="Niamh Lacy-Roberts" userId="S::nlac_food.dtu.dk#ext#@dksund.onmicrosoft.com::d7748471-4d7b-47f1-ac78-98f12b5c1655" providerId="AD" clId="Web-{6149230D-7132-41C9-A556-EA31A35DCE9D}" dt="2023-04-27T13:43:17.492" v="731"/>
          <ac:graphicFrameMkLst>
            <pc:docMk/>
            <pc:sldMk cId="2836067693" sldId="269"/>
            <ac:graphicFrameMk id="45" creationId="{797B71D4-A62F-B7F8-238F-0B24BEF610BD}"/>
          </ac:graphicFrameMkLst>
        </pc:graphicFrameChg>
      </pc:sldChg>
      <pc:sldChg chg="modSp">
        <pc:chgData name="Niamh Lacy-Roberts" userId="S::nlac_food.dtu.dk#ext#@dksund.onmicrosoft.com::d7748471-4d7b-47f1-ac78-98f12b5c1655" providerId="AD" clId="Web-{6149230D-7132-41C9-A556-EA31A35DCE9D}" dt="2023-04-27T13:59:29.355" v="1064" actId="20577"/>
        <pc:sldMkLst>
          <pc:docMk/>
          <pc:sldMk cId="1695720078" sldId="270"/>
        </pc:sldMkLst>
        <pc:spChg chg="mod">
          <ac:chgData name="Niamh Lacy-Roberts" userId="S::nlac_food.dtu.dk#ext#@dksund.onmicrosoft.com::d7748471-4d7b-47f1-ac78-98f12b5c1655" providerId="AD" clId="Web-{6149230D-7132-41C9-A556-EA31A35DCE9D}" dt="2023-04-27T13:48:04.408" v="771" actId="20577"/>
          <ac:spMkLst>
            <pc:docMk/>
            <pc:sldMk cId="1695720078" sldId="270"/>
            <ac:spMk id="5" creationId="{43AB9D89-4678-4B3C-8679-3E429EFBB2DD}"/>
          </ac:spMkLst>
        </pc:spChg>
        <pc:spChg chg="mod">
          <ac:chgData name="Niamh Lacy-Roberts" userId="S::nlac_food.dtu.dk#ext#@dksund.onmicrosoft.com::d7748471-4d7b-47f1-ac78-98f12b5c1655" providerId="AD" clId="Web-{6149230D-7132-41C9-A556-EA31A35DCE9D}" dt="2023-04-27T13:59:29.355" v="1064" actId="20577"/>
          <ac:spMkLst>
            <pc:docMk/>
            <pc:sldMk cId="1695720078" sldId="270"/>
            <ac:spMk id="6" creationId="{5A5890CD-8F90-4FE7-841F-F7B0C2865BA2}"/>
          </ac:spMkLst>
        </pc:spChg>
      </pc:sldChg>
      <pc:sldChg chg="modSp">
        <pc:chgData name="Niamh Lacy-Roberts" userId="S::nlac_food.dtu.dk#ext#@dksund.onmicrosoft.com::d7748471-4d7b-47f1-ac78-98f12b5c1655" providerId="AD" clId="Web-{6149230D-7132-41C9-A556-EA31A35DCE9D}" dt="2023-04-27T14:16:03.719" v="1178" actId="20577"/>
        <pc:sldMkLst>
          <pc:docMk/>
          <pc:sldMk cId="731537359" sldId="271"/>
        </pc:sldMkLst>
        <pc:spChg chg="mod">
          <ac:chgData name="Niamh Lacy-Roberts" userId="S::nlac_food.dtu.dk#ext#@dksund.onmicrosoft.com::d7748471-4d7b-47f1-ac78-98f12b5c1655" providerId="AD" clId="Web-{6149230D-7132-41C9-A556-EA31A35DCE9D}" dt="2023-04-27T14:10:46.380" v="1151" actId="20577"/>
          <ac:spMkLst>
            <pc:docMk/>
            <pc:sldMk cId="731537359" sldId="271"/>
            <ac:spMk id="5" creationId="{43AB9D89-4678-4B3C-8679-3E429EFBB2DD}"/>
          </ac:spMkLst>
        </pc:spChg>
        <pc:spChg chg="mod">
          <ac:chgData name="Niamh Lacy-Roberts" userId="S::nlac_food.dtu.dk#ext#@dksund.onmicrosoft.com::d7748471-4d7b-47f1-ac78-98f12b5c1655" providerId="AD" clId="Web-{6149230D-7132-41C9-A556-EA31A35DCE9D}" dt="2023-04-27T14:16:03.719" v="1178" actId="20577"/>
          <ac:spMkLst>
            <pc:docMk/>
            <pc:sldMk cId="731537359" sldId="271"/>
            <ac:spMk id="6" creationId="{5A5890CD-8F90-4FE7-841F-F7B0C2865BA2}"/>
          </ac:spMkLst>
        </pc:spChg>
      </pc:sldChg>
      <pc:sldChg chg="addSp modSp add ord replId">
        <pc:chgData name="Niamh Lacy-Roberts" userId="S::nlac_food.dtu.dk#ext#@dksund.onmicrosoft.com::d7748471-4d7b-47f1-ac78-98f12b5c1655" providerId="AD" clId="Web-{6149230D-7132-41C9-A556-EA31A35DCE9D}" dt="2023-04-27T14:01:05.484" v="1088" actId="1076"/>
        <pc:sldMkLst>
          <pc:docMk/>
          <pc:sldMk cId="1567099201" sldId="320"/>
        </pc:sldMkLst>
        <pc:spChg chg="add mod">
          <ac:chgData name="Niamh Lacy-Roberts" userId="S::nlac_food.dtu.dk#ext#@dksund.onmicrosoft.com::d7748471-4d7b-47f1-ac78-98f12b5c1655" providerId="AD" clId="Web-{6149230D-7132-41C9-A556-EA31A35DCE9D}" dt="2023-04-27T14:01:05.484" v="1088" actId="1076"/>
          <ac:spMkLst>
            <pc:docMk/>
            <pc:sldMk cId="1567099201" sldId="320"/>
            <ac:spMk id="2" creationId="{A0ED3325-02E7-4D91-8A26-853F085A829C}"/>
          </ac:spMkLst>
        </pc:spChg>
      </pc:sldChg>
      <pc:sldChg chg="modSp new">
        <pc:chgData name="Niamh Lacy-Roberts" userId="S::nlac_food.dtu.dk#ext#@dksund.onmicrosoft.com::d7748471-4d7b-47f1-ac78-98f12b5c1655" providerId="AD" clId="Web-{6149230D-7132-41C9-A556-EA31A35DCE9D}" dt="2023-04-27T14:10:27.801" v="1134" actId="20577"/>
        <pc:sldMkLst>
          <pc:docMk/>
          <pc:sldMk cId="1913311533" sldId="321"/>
        </pc:sldMkLst>
        <pc:spChg chg="mod">
          <ac:chgData name="Niamh Lacy-Roberts" userId="S::nlac_food.dtu.dk#ext#@dksund.onmicrosoft.com::d7748471-4d7b-47f1-ac78-98f12b5c1655" providerId="AD" clId="Web-{6149230D-7132-41C9-A556-EA31A35DCE9D}" dt="2023-04-27T14:10:06.378" v="1111" actId="20577"/>
          <ac:spMkLst>
            <pc:docMk/>
            <pc:sldMk cId="1913311533" sldId="321"/>
            <ac:spMk id="2" creationId="{0C0D5997-D54A-40E6-13A9-603993913820}"/>
          </ac:spMkLst>
        </pc:spChg>
        <pc:spChg chg="mod">
          <ac:chgData name="Niamh Lacy-Roberts" userId="S::nlac_food.dtu.dk#ext#@dksund.onmicrosoft.com::d7748471-4d7b-47f1-ac78-98f12b5c1655" providerId="AD" clId="Web-{6149230D-7132-41C9-A556-EA31A35DCE9D}" dt="2023-04-27T14:10:27.801" v="1134" actId="20577"/>
          <ac:spMkLst>
            <pc:docMk/>
            <pc:sldMk cId="1913311533" sldId="321"/>
            <ac:spMk id="3" creationId="{4D1DBBCA-8692-3931-674F-3708171BCAD2}"/>
          </ac:spMkLst>
        </pc:spChg>
      </pc:sldChg>
    </pc:docChg>
  </pc:docChgLst>
  <pc:docChgLst>
    <pc:chgData name="Niamh Lacy-Roberts" userId="S::nlac_food.dtu.dk#ext#@dksund.onmicrosoft.com::d7748471-4d7b-47f1-ac78-98f12b5c1655" providerId="AD" clId="Web-{44D1CCF8-832F-4989-9847-673D5ABD0723}"/>
    <pc:docChg chg="modSld">
      <pc:chgData name="Niamh Lacy-Roberts" userId="S::nlac_food.dtu.dk#ext#@dksund.onmicrosoft.com::d7748471-4d7b-47f1-ac78-98f12b5c1655" providerId="AD" clId="Web-{44D1CCF8-832F-4989-9847-673D5ABD0723}" dt="2023-04-28T06:39:31.472" v="11" actId="20577"/>
      <pc:docMkLst>
        <pc:docMk/>
      </pc:docMkLst>
      <pc:sldChg chg="modSp">
        <pc:chgData name="Niamh Lacy-Roberts" userId="S::nlac_food.dtu.dk#ext#@dksund.onmicrosoft.com::d7748471-4d7b-47f1-ac78-98f12b5c1655" providerId="AD" clId="Web-{44D1CCF8-832F-4989-9847-673D5ABD0723}" dt="2023-04-28T06:39:31.472" v="11" actId="20577"/>
        <pc:sldMkLst>
          <pc:docMk/>
          <pc:sldMk cId="731537359" sldId="271"/>
        </pc:sldMkLst>
        <pc:spChg chg="mod">
          <ac:chgData name="Niamh Lacy-Roberts" userId="S::nlac_food.dtu.dk#ext#@dksund.onmicrosoft.com::d7748471-4d7b-47f1-ac78-98f12b5c1655" providerId="AD" clId="Web-{44D1CCF8-832F-4989-9847-673D5ABD0723}" dt="2023-04-28T06:39:31.472" v="11" actId="20577"/>
          <ac:spMkLst>
            <pc:docMk/>
            <pc:sldMk cId="731537359" sldId="271"/>
            <ac:spMk id="6" creationId="{5A5890CD-8F90-4FE7-841F-F7B0C2865BA2}"/>
          </ac:spMkLst>
        </pc:spChg>
      </pc:sldChg>
    </pc:docChg>
  </pc:docChgLst>
  <pc:docChgLst>
    <pc:chgData name="Niamh Lacy-Roberts" userId="S::nlac_food.dtu.dk#ext#@dksund.onmicrosoft.com::d7748471-4d7b-47f1-ac78-98f12b5c1655" providerId="AD" clId="Web-{32E0505C-5FD5-43E1-9122-B2772C96E49C}"/>
    <pc:docChg chg="addSld modSld">
      <pc:chgData name="Niamh Lacy-Roberts" userId="S::nlac_food.dtu.dk#ext#@dksund.onmicrosoft.com::d7748471-4d7b-47f1-ac78-98f12b5c1655" providerId="AD" clId="Web-{32E0505C-5FD5-43E1-9122-B2772C96E49C}" dt="2023-04-28T07:56:30.188" v="737" actId="20577"/>
      <pc:docMkLst>
        <pc:docMk/>
      </pc:docMkLst>
      <pc:sldChg chg="addSp delSp modSp">
        <pc:chgData name="Niamh Lacy-Roberts" userId="S::nlac_food.dtu.dk#ext#@dksund.onmicrosoft.com::d7748471-4d7b-47f1-ac78-98f12b5c1655" providerId="AD" clId="Web-{32E0505C-5FD5-43E1-9122-B2772C96E49C}" dt="2023-04-28T07:17:17.801" v="79"/>
        <pc:sldMkLst>
          <pc:docMk/>
          <pc:sldMk cId="20127242" sldId="265"/>
        </pc:sldMkLst>
        <pc:spChg chg="mod">
          <ac:chgData name="Niamh Lacy-Roberts" userId="S::nlac_food.dtu.dk#ext#@dksund.onmicrosoft.com::d7748471-4d7b-47f1-ac78-98f12b5c1655" providerId="AD" clId="Web-{32E0505C-5FD5-43E1-9122-B2772C96E49C}" dt="2023-04-28T07:14:10.222" v="57" actId="14100"/>
          <ac:spMkLst>
            <pc:docMk/>
            <pc:sldMk cId="20127242" sldId="265"/>
            <ac:spMk id="2" creationId="{793B6433-83A3-6860-1B7C-1DA2100068CD}"/>
          </ac:spMkLst>
        </pc:spChg>
        <pc:spChg chg="add del mod">
          <ac:chgData name="Niamh Lacy-Roberts" userId="S::nlac_food.dtu.dk#ext#@dksund.onmicrosoft.com::d7748471-4d7b-47f1-ac78-98f12b5c1655" providerId="AD" clId="Web-{32E0505C-5FD5-43E1-9122-B2772C96E49C}" dt="2023-04-28T07:17:17.801" v="79"/>
          <ac:spMkLst>
            <pc:docMk/>
            <pc:sldMk cId="20127242" sldId="265"/>
            <ac:spMk id="3" creationId="{C0E03FE8-A944-C3DE-B4F8-819C97FDA715}"/>
          </ac:spMkLst>
        </pc:spChg>
        <pc:spChg chg="mod">
          <ac:chgData name="Niamh Lacy-Roberts" userId="S::nlac_food.dtu.dk#ext#@dksund.onmicrosoft.com::d7748471-4d7b-47f1-ac78-98f12b5c1655" providerId="AD" clId="Web-{32E0505C-5FD5-43E1-9122-B2772C96E49C}" dt="2023-04-28T07:13:51.394" v="55" actId="20577"/>
          <ac:spMkLst>
            <pc:docMk/>
            <pc:sldMk cId="20127242" sldId="265"/>
            <ac:spMk id="6" creationId="{5A5890CD-8F90-4FE7-841F-F7B0C2865BA2}"/>
          </ac:spMkLst>
        </pc:spChg>
        <pc:spChg chg="mod">
          <ac:chgData name="Niamh Lacy-Roberts" userId="S::nlac_food.dtu.dk#ext#@dksund.onmicrosoft.com::d7748471-4d7b-47f1-ac78-98f12b5c1655" providerId="AD" clId="Web-{32E0505C-5FD5-43E1-9122-B2772C96E49C}" dt="2023-04-28T07:14:24.363" v="60" actId="1076"/>
          <ac:spMkLst>
            <pc:docMk/>
            <pc:sldMk cId="20127242" sldId="265"/>
            <ac:spMk id="7" creationId="{6D3AA8E5-151C-B33D-11FE-1EABB9B6243D}"/>
          </ac:spMkLst>
        </pc:spChg>
        <pc:spChg chg="mod">
          <ac:chgData name="Niamh Lacy-Roberts" userId="S::nlac_food.dtu.dk#ext#@dksund.onmicrosoft.com::d7748471-4d7b-47f1-ac78-98f12b5c1655" providerId="AD" clId="Web-{32E0505C-5FD5-43E1-9122-B2772C96E49C}" dt="2023-04-28T07:14:56.598" v="62" actId="1076"/>
          <ac:spMkLst>
            <pc:docMk/>
            <pc:sldMk cId="20127242" sldId="265"/>
            <ac:spMk id="8" creationId="{581E963E-41A7-BA4D-E545-D567CDE74D0B}"/>
          </ac:spMkLst>
        </pc:spChg>
        <pc:spChg chg="add del mod">
          <ac:chgData name="Niamh Lacy-Roberts" userId="S::nlac_food.dtu.dk#ext#@dksund.onmicrosoft.com::d7748471-4d7b-47f1-ac78-98f12b5c1655" providerId="AD" clId="Web-{32E0505C-5FD5-43E1-9122-B2772C96E49C}" dt="2023-04-28T07:17:13.785" v="77"/>
          <ac:spMkLst>
            <pc:docMk/>
            <pc:sldMk cId="20127242" sldId="265"/>
            <ac:spMk id="11" creationId="{361D45C5-213B-A4BC-916F-08867E9A242B}"/>
          </ac:spMkLst>
        </pc:spChg>
        <pc:cxnChg chg="mod">
          <ac:chgData name="Niamh Lacy-Roberts" userId="S::nlac_food.dtu.dk#ext#@dksund.onmicrosoft.com::d7748471-4d7b-47f1-ac78-98f12b5c1655" providerId="AD" clId="Web-{32E0505C-5FD5-43E1-9122-B2772C96E49C}" dt="2023-04-28T07:14:19.738" v="59" actId="1076"/>
          <ac:cxnSpMkLst>
            <pc:docMk/>
            <pc:sldMk cId="20127242" sldId="265"/>
            <ac:cxnSpMk id="9" creationId="{B2486493-9E52-2A54-0591-E18E20930096}"/>
          </ac:cxnSpMkLst>
        </pc:cxnChg>
        <pc:cxnChg chg="add del mod">
          <ac:chgData name="Niamh Lacy-Roberts" userId="S::nlac_food.dtu.dk#ext#@dksund.onmicrosoft.com::d7748471-4d7b-47f1-ac78-98f12b5c1655" providerId="AD" clId="Web-{32E0505C-5FD5-43E1-9122-B2772C96E49C}" dt="2023-04-28T07:17:15.520" v="78"/>
          <ac:cxnSpMkLst>
            <pc:docMk/>
            <pc:sldMk cId="20127242" sldId="265"/>
            <ac:cxnSpMk id="10" creationId="{5570009E-E180-F6B4-A4CF-2841FDB8F707}"/>
          </ac:cxnSpMkLst>
        </pc:cxnChg>
      </pc:sldChg>
      <pc:sldChg chg="modSp">
        <pc:chgData name="Niamh Lacy-Roberts" userId="S::nlac_food.dtu.dk#ext#@dksund.onmicrosoft.com::d7748471-4d7b-47f1-ac78-98f12b5c1655" providerId="AD" clId="Web-{32E0505C-5FD5-43E1-9122-B2772C96E49C}" dt="2023-04-28T07:28:55.895" v="302" actId="20577"/>
        <pc:sldMkLst>
          <pc:docMk/>
          <pc:sldMk cId="793461123" sldId="267"/>
        </pc:sldMkLst>
        <pc:spChg chg="mod">
          <ac:chgData name="Niamh Lacy-Roberts" userId="S::nlac_food.dtu.dk#ext#@dksund.onmicrosoft.com::d7748471-4d7b-47f1-ac78-98f12b5c1655" providerId="AD" clId="Web-{32E0505C-5FD5-43E1-9122-B2772C96E49C}" dt="2023-04-28T07:28:55.895" v="302" actId="20577"/>
          <ac:spMkLst>
            <pc:docMk/>
            <pc:sldMk cId="793461123" sldId="267"/>
            <ac:spMk id="6" creationId="{5A5890CD-8F90-4FE7-841F-F7B0C2865BA2}"/>
          </ac:spMkLst>
        </pc:spChg>
      </pc:sldChg>
      <pc:sldChg chg="addSp modSp">
        <pc:chgData name="Niamh Lacy-Roberts" userId="S::nlac_food.dtu.dk#ext#@dksund.onmicrosoft.com::d7748471-4d7b-47f1-ac78-98f12b5c1655" providerId="AD" clId="Web-{32E0505C-5FD5-43E1-9122-B2772C96E49C}" dt="2023-04-28T07:39:52.537" v="338" actId="1076"/>
        <pc:sldMkLst>
          <pc:docMk/>
          <pc:sldMk cId="731537359" sldId="271"/>
        </pc:sldMkLst>
        <pc:spChg chg="add mod">
          <ac:chgData name="Niamh Lacy-Roberts" userId="S::nlac_food.dtu.dk#ext#@dksund.onmicrosoft.com::d7748471-4d7b-47f1-ac78-98f12b5c1655" providerId="AD" clId="Web-{32E0505C-5FD5-43E1-9122-B2772C96E49C}" dt="2023-04-28T07:39:04.083" v="328" actId="1076"/>
          <ac:spMkLst>
            <pc:docMk/>
            <pc:sldMk cId="731537359" sldId="271"/>
            <ac:spMk id="2" creationId="{E4AA5C3C-9842-D471-19B9-0AFB30301E6E}"/>
          </ac:spMkLst>
        </pc:spChg>
        <pc:spChg chg="add mod">
          <ac:chgData name="Niamh Lacy-Roberts" userId="S::nlac_food.dtu.dk#ext#@dksund.onmicrosoft.com::d7748471-4d7b-47f1-ac78-98f12b5c1655" providerId="AD" clId="Web-{32E0505C-5FD5-43E1-9122-B2772C96E49C}" dt="2023-04-28T07:39:00.239" v="326" actId="1076"/>
          <ac:spMkLst>
            <pc:docMk/>
            <pc:sldMk cId="731537359" sldId="271"/>
            <ac:spMk id="3" creationId="{626B1C0B-02CC-FE30-0E74-BFB32E45E5A9}"/>
          </ac:spMkLst>
        </pc:spChg>
        <pc:spChg chg="mod">
          <ac:chgData name="Niamh Lacy-Roberts" userId="S::nlac_food.dtu.dk#ext#@dksund.onmicrosoft.com::d7748471-4d7b-47f1-ac78-98f12b5c1655" providerId="AD" clId="Web-{32E0505C-5FD5-43E1-9122-B2772C96E49C}" dt="2023-04-28T07:38:57.411" v="325" actId="20577"/>
          <ac:spMkLst>
            <pc:docMk/>
            <pc:sldMk cId="731537359" sldId="271"/>
            <ac:spMk id="6" creationId="{5A5890CD-8F90-4FE7-841F-F7B0C2865BA2}"/>
          </ac:spMkLst>
        </pc:spChg>
        <pc:spChg chg="add mod">
          <ac:chgData name="Niamh Lacy-Roberts" userId="S::nlac_food.dtu.dk#ext#@dksund.onmicrosoft.com::d7748471-4d7b-47f1-ac78-98f12b5c1655" providerId="AD" clId="Web-{32E0505C-5FD5-43E1-9122-B2772C96E49C}" dt="2023-04-28T07:39:49.084" v="337" actId="1076"/>
          <ac:spMkLst>
            <pc:docMk/>
            <pc:sldMk cId="731537359" sldId="271"/>
            <ac:spMk id="7" creationId="{C5D4539E-624A-3C2B-BCC0-026BCCACB711}"/>
          </ac:spMkLst>
        </pc:spChg>
        <pc:spChg chg="add mod">
          <ac:chgData name="Niamh Lacy-Roberts" userId="S::nlac_food.dtu.dk#ext#@dksund.onmicrosoft.com::d7748471-4d7b-47f1-ac78-98f12b5c1655" providerId="AD" clId="Web-{32E0505C-5FD5-43E1-9122-B2772C96E49C}" dt="2023-04-28T07:39:52.537" v="338" actId="1076"/>
          <ac:spMkLst>
            <pc:docMk/>
            <pc:sldMk cId="731537359" sldId="271"/>
            <ac:spMk id="8" creationId="{0395129D-ADE4-B59E-5B01-DA8BDAE99523}"/>
          </ac:spMkLst>
        </pc:spChg>
      </pc:sldChg>
      <pc:sldChg chg="addSp delSp modSp">
        <pc:chgData name="Niamh Lacy-Roberts" userId="S::nlac_food.dtu.dk#ext#@dksund.onmicrosoft.com::d7748471-4d7b-47f1-ac78-98f12b5c1655" providerId="AD" clId="Web-{32E0505C-5FD5-43E1-9122-B2772C96E49C}" dt="2023-04-28T07:27:16.208" v="235"/>
        <pc:sldMkLst>
          <pc:docMk/>
          <pc:sldMk cId="1913311533" sldId="321"/>
        </pc:sldMkLst>
        <pc:spChg chg="mod">
          <ac:chgData name="Niamh Lacy-Roberts" userId="S::nlac_food.dtu.dk#ext#@dksund.onmicrosoft.com::d7748471-4d7b-47f1-ac78-98f12b5c1655" providerId="AD" clId="Web-{32E0505C-5FD5-43E1-9122-B2772C96E49C}" dt="2023-04-28T07:19:05.910" v="134" actId="20577"/>
          <ac:spMkLst>
            <pc:docMk/>
            <pc:sldMk cId="1913311533" sldId="321"/>
            <ac:spMk id="2" creationId="{0C0D5997-D54A-40E6-13A9-603993913820}"/>
          </ac:spMkLst>
        </pc:spChg>
        <pc:spChg chg="mod">
          <ac:chgData name="Niamh Lacy-Roberts" userId="S::nlac_food.dtu.dk#ext#@dksund.onmicrosoft.com::d7748471-4d7b-47f1-ac78-98f12b5c1655" providerId="AD" clId="Web-{32E0505C-5FD5-43E1-9122-B2772C96E49C}" dt="2023-04-28T07:22:45.676" v="232" actId="20577"/>
          <ac:spMkLst>
            <pc:docMk/>
            <pc:sldMk cId="1913311533" sldId="321"/>
            <ac:spMk id="3" creationId="{4D1DBBCA-8692-3931-674F-3708171BCAD2}"/>
          </ac:spMkLst>
        </pc:spChg>
        <pc:spChg chg="add del mod">
          <ac:chgData name="Niamh Lacy-Roberts" userId="S::nlac_food.dtu.dk#ext#@dksund.onmicrosoft.com::d7748471-4d7b-47f1-ac78-98f12b5c1655" providerId="AD" clId="Web-{32E0505C-5FD5-43E1-9122-B2772C96E49C}" dt="2023-04-28T07:21:59.926" v="206"/>
          <ac:spMkLst>
            <pc:docMk/>
            <pc:sldMk cId="1913311533" sldId="321"/>
            <ac:spMk id="6" creationId="{8B468345-D7CB-FD91-3E1E-82734592FF0C}"/>
          </ac:spMkLst>
        </pc:spChg>
        <pc:spChg chg="add mod">
          <ac:chgData name="Niamh Lacy-Roberts" userId="S::nlac_food.dtu.dk#ext#@dksund.onmicrosoft.com::d7748471-4d7b-47f1-ac78-98f12b5c1655" providerId="AD" clId="Web-{32E0505C-5FD5-43E1-9122-B2772C96E49C}" dt="2023-04-28T07:27:16.208" v="235"/>
          <ac:spMkLst>
            <pc:docMk/>
            <pc:sldMk cId="1913311533" sldId="321"/>
            <ac:spMk id="14" creationId="{50AF4D67-A717-11C8-2DAA-EF73E6ACFE00}"/>
          </ac:spMkLst>
        </pc:spChg>
        <pc:cxnChg chg="add del mod">
          <ac:chgData name="Niamh Lacy-Roberts" userId="S::nlac_food.dtu.dk#ext#@dksund.onmicrosoft.com::d7748471-4d7b-47f1-ac78-98f12b5c1655" providerId="AD" clId="Web-{32E0505C-5FD5-43E1-9122-B2772C96E49C}" dt="2023-04-28T07:21:21.614" v="200"/>
          <ac:cxnSpMkLst>
            <pc:docMk/>
            <pc:sldMk cId="1913311533" sldId="321"/>
            <ac:cxnSpMk id="7" creationId="{96E1C42B-992D-B7B4-DFF8-0AB1757DE4A3}"/>
          </ac:cxnSpMkLst>
        </pc:cxnChg>
        <pc:cxnChg chg="add del mod">
          <ac:chgData name="Niamh Lacy-Roberts" userId="S::nlac_food.dtu.dk#ext#@dksund.onmicrosoft.com::d7748471-4d7b-47f1-ac78-98f12b5c1655" providerId="AD" clId="Web-{32E0505C-5FD5-43E1-9122-B2772C96E49C}" dt="2023-04-28T07:21:25.160" v="203"/>
          <ac:cxnSpMkLst>
            <pc:docMk/>
            <pc:sldMk cId="1913311533" sldId="321"/>
            <ac:cxnSpMk id="8" creationId="{9D0BF4E8-3E81-4698-5341-84D36CE94E68}"/>
          </ac:cxnSpMkLst>
        </pc:cxnChg>
        <pc:cxnChg chg="add del mod">
          <ac:chgData name="Niamh Lacy-Roberts" userId="S::nlac_food.dtu.dk#ext#@dksund.onmicrosoft.com::d7748471-4d7b-47f1-ac78-98f12b5c1655" providerId="AD" clId="Web-{32E0505C-5FD5-43E1-9122-B2772C96E49C}" dt="2023-04-28T07:21:26.395" v="204"/>
          <ac:cxnSpMkLst>
            <pc:docMk/>
            <pc:sldMk cId="1913311533" sldId="321"/>
            <ac:cxnSpMk id="9" creationId="{C506F3ED-C9EE-F260-8FAA-3DF3368046C4}"/>
          </ac:cxnSpMkLst>
        </pc:cxnChg>
        <pc:cxnChg chg="add del mod">
          <ac:chgData name="Niamh Lacy-Roberts" userId="S::nlac_food.dtu.dk#ext#@dksund.onmicrosoft.com::d7748471-4d7b-47f1-ac78-98f12b5c1655" providerId="AD" clId="Web-{32E0505C-5FD5-43E1-9122-B2772C96E49C}" dt="2023-04-28T07:21:27.395" v="205"/>
          <ac:cxnSpMkLst>
            <pc:docMk/>
            <pc:sldMk cId="1913311533" sldId="321"/>
            <ac:cxnSpMk id="10" creationId="{0E95C9DA-9A5B-276F-0734-3F481B3C79DD}"/>
          </ac:cxnSpMkLst>
        </pc:cxnChg>
        <pc:cxnChg chg="add del mod">
          <ac:chgData name="Niamh Lacy-Roberts" userId="S::nlac_food.dtu.dk#ext#@dksund.onmicrosoft.com::d7748471-4d7b-47f1-ac78-98f12b5c1655" providerId="AD" clId="Web-{32E0505C-5FD5-43E1-9122-B2772C96E49C}" dt="2023-04-28T07:21:23.879" v="202"/>
          <ac:cxnSpMkLst>
            <pc:docMk/>
            <pc:sldMk cId="1913311533" sldId="321"/>
            <ac:cxnSpMk id="11" creationId="{F669369D-32EB-CC7B-FCEE-0EF222FA093A}"/>
          </ac:cxnSpMkLst>
        </pc:cxnChg>
        <pc:cxnChg chg="add del mod">
          <ac:chgData name="Niamh Lacy-Roberts" userId="S::nlac_food.dtu.dk#ext#@dksund.onmicrosoft.com::d7748471-4d7b-47f1-ac78-98f12b5c1655" providerId="AD" clId="Web-{32E0505C-5FD5-43E1-9122-B2772C96E49C}" dt="2023-04-28T07:21:22.832" v="201"/>
          <ac:cxnSpMkLst>
            <pc:docMk/>
            <pc:sldMk cId="1913311533" sldId="321"/>
            <ac:cxnSpMk id="12" creationId="{A3152674-A52F-21D9-1413-BAD28F466427}"/>
          </ac:cxnSpMkLst>
        </pc:cxnChg>
        <pc:cxnChg chg="add del mod">
          <ac:chgData name="Niamh Lacy-Roberts" userId="S::nlac_food.dtu.dk#ext#@dksund.onmicrosoft.com::d7748471-4d7b-47f1-ac78-98f12b5c1655" providerId="AD" clId="Web-{32E0505C-5FD5-43E1-9122-B2772C96E49C}" dt="2023-04-28T07:21:16.489" v="198"/>
          <ac:cxnSpMkLst>
            <pc:docMk/>
            <pc:sldMk cId="1913311533" sldId="321"/>
            <ac:cxnSpMk id="13" creationId="{4487AD37-9BFC-41B7-DDB6-94B3274D803E}"/>
          </ac:cxnSpMkLst>
        </pc:cxnChg>
      </pc:sldChg>
      <pc:sldChg chg="addSp delSp modSp new">
        <pc:chgData name="Niamh Lacy-Roberts" userId="S::nlac_food.dtu.dk#ext#@dksund.onmicrosoft.com::d7748471-4d7b-47f1-ac78-98f12b5c1655" providerId="AD" clId="Web-{32E0505C-5FD5-43E1-9122-B2772C96E49C}" dt="2023-04-28T07:55:35.983" v="710" actId="20577"/>
        <pc:sldMkLst>
          <pc:docMk/>
          <pc:sldMk cId="513332782" sldId="324"/>
        </pc:sldMkLst>
        <pc:spChg chg="del">
          <ac:chgData name="Niamh Lacy-Roberts" userId="S::nlac_food.dtu.dk#ext#@dksund.onmicrosoft.com::d7748471-4d7b-47f1-ac78-98f12b5c1655" providerId="AD" clId="Web-{32E0505C-5FD5-43E1-9122-B2772C96E49C}" dt="2023-04-28T07:48:55.301" v="654"/>
          <ac:spMkLst>
            <pc:docMk/>
            <pc:sldMk cId="513332782" sldId="324"/>
            <ac:spMk id="2" creationId="{CA2E3912-70EC-8E40-C592-CE9D2324C690}"/>
          </ac:spMkLst>
        </pc:spChg>
        <pc:spChg chg="del">
          <ac:chgData name="Niamh Lacy-Roberts" userId="S::nlac_food.dtu.dk#ext#@dksund.onmicrosoft.com::d7748471-4d7b-47f1-ac78-98f12b5c1655" providerId="AD" clId="Web-{32E0505C-5FD5-43E1-9122-B2772C96E49C}" dt="2023-04-28T07:41:35.415" v="389"/>
          <ac:spMkLst>
            <pc:docMk/>
            <pc:sldMk cId="513332782" sldId="324"/>
            <ac:spMk id="3" creationId="{B1D18EF0-5CC2-B45F-6DCB-055D4AB69CE0}"/>
          </ac:spMkLst>
        </pc:spChg>
        <pc:spChg chg="mod">
          <ac:chgData name="Niamh Lacy-Roberts" userId="S::nlac_food.dtu.dk#ext#@dksund.onmicrosoft.com::d7748471-4d7b-47f1-ac78-98f12b5c1655" providerId="AD" clId="Web-{32E0505C-5FD5-43E1-9122-B2772C96E49C}" dt="2023-04-28T07:49:05.067" v="655" actId="1076"/>
          <ac:spMkLst>
            <pc:docMk/>
            <pc:sldMk cId="513332782" sldId="324"/>
            <ac:spMk id="4" creationId="{3D89D0CA-1762-3B72-18A8-2ED1A00119B7}"/>
          </ac:spMkLst>
        </pc:spChg>
        <pc:spChg chg="add del">
          <ac:chgData name="Niamh Lacy-Roberts" userId="S::nlac_food.dtu.dk#ext#@dksund.onmicrosoft.com::d7748471-4d7b-47f1-ac78-98f12b5c1655" providerId="AD" clId="Web-{32E0505C-5FD5-43E1-9122-B2772C96E49C}" dt="2023-04-28T07:40:26.788" v="379"/>
          <ac:spMkLst>
            <pc:docMk/>
            <pc:sldMk cId="513332782" sldId="324"/>
            <ac:spMk id="14" creationId="{BB830A47-C0FA-3D7D-B8E7-8317B6DD3CB9}"/>
          </ac:spMkLst>
        </pc:spChg>
        <pc:spChg chg="add del">
          <ac:chgData name="Niamh Lacy-Roberts" userId="S::nlac_food.dtu.dk#ext#@dksund.onmicrosoft.com::d7748471-4d7b-47f1-ac78-98f12b5c1655" providerId="AD" clId="Web-{32E0505C-5FD5-43E1-9122-B2772C96E49C}" dt="2023-04-28T07:40:26.788" v="378"/>
          <ac:spMkLst>
            <pc:docMk/>
            <pc:sldMk cId="513332782" sldId="324"/>
            <ac:spMk id="16" creationId="{C4263370-7F77-7A7E-D556-7F08E56F3AA4}"/>
          </ac:spMkLst>
        </pc:spChg>
        <pc:spChg chg="add del">
          <ac:chgData name="Niamh Lacy-Roberts" userId="S::nlac_food.dtu.dk#ext#@dksund.onmicrosoft.com::d7748471-4d7b-47f1-ac78-98f12b5c1655" providerId="AD" clId="Web-{32E0505C-5FD5-43E1-9122-B2772C96E49C}" dt="2023-04-28T07:40:26.788" v="377"/>
          <ac:spMkLst>
            <pc:docMk/>
            <pc:sldMk cId="513332782" sldId="324"/>
            <ac:spMk id="18" creationId="{DBB3871A-5B16-3C63-C4EA-FB2EEA83E581}"/>
          </ac:spMkLst>
        </pc:spChg>
        <pc:spChg chg="add del">
          <ac:chgData name="Niamh Lacy-Roberts" userId="S::nlac_food.dtu.dk#ext#@dksund.onmicrosoft.com::d7748471-4d7b-47f1-ac78-98f12b5c1655" providerId="AD" clId="Web-{32E0505C-5FD5-43E1-9122-B2772C96E49C}" dt="2023-04-28T07:40:26.788" v="376"/>
          <ac:spMkLst>
            <pc:docMk/>
            <pc:sldMk cId="513332782" sldId="324"/>
            <ac:spMk id="20" creationId="{7F16B6AE-AF91-6D28-6F94-6E18B27FC6D8}"/>
          </ac:spMkLst>
        </pc:spChg>
        <pc:spChg chg="add del">
          <ac:chgData name="Niamh Lacy-Roberts" userId="S::nlac_food.dtu.dk#ext#@dksund.onmicrosoft.com::d7748471-4d7b-47f1-ac78-98f12b5c1655" providerId="AD" clId="Web-{32E0505C-5FD5-43E1-9122-B2772C96E49C}" dt="2023-04-28T07:40:26.788" v="375"/>
          <ac:spMkLst>
            <pc:docMk/>
            <pc:sldMk cId="513332782" sldId="324"/>
            <ac:spMk id="22" creationId="{667D7057-C9E5-D0CF-2DBC-5347C4E7715D}"/>
          </ac:spMkLst>
        </pc:spChg>
        <pc:spChg chg="add del">
          <ac:chgData name="Niamh Lacy-Roberts" userId="S::nlac_food.dtu.dk#ext#@dksund.onmicrosoft.com::d7748471-4d7b-47f1-ac78-98f12b5c1655" providerId="AD" clId="Web-{32E0505C-5FD5-43E1-9122-B2772C96E49C}" dt="2023-04-28T07:40:26.788" v="374"/>
          <ac:spMkLst>
            <pc:docMk/>
            <pc:sldMk cId="513332782" sldId="324"/>
            <ac:spMk id="24" creationId="{C42FFFC0-150A-3FA1-F0A9-D648274A4122}"/>
          </ac:spMkLst>
        </pc:spChg>
        <pc:spChg chg="add del">
          <ac:chgData name="Niamh Lacy-Roberts" userId="S::nlac_food.dtu.dk#ext#@dksund.onmicrosoft.com::d7748471-4d7b-47f1-ac78-98f12b5c1655" providerId="AD" clId="Web-{32E0505C-5FD5-43E1-9122-B2772C96E49C}" dt="2023-04-28T07:40:26.788" v="373"/>
          <ac:spMkLst>
            <pc:docMk/>
            <pc:sldMk cId="513332782" sldId="324"/>
            <ac:spMk id="26" creationId="{7F00FE2C-AFFA-9BD8-029D-8B3EBAE37DA0}"/>
          </ac:spMkLst>
        </pc:spChg>
        <pc:spChg chg="add del">
          <ac:chgData name="Niamh Lacy-Roberts" userId="S::nlac_food.dtu.dk#ext#@dksund.onmicrosoft.com::d7748471-4d7b-47f1-ac78-98f12b5c1655" providerId="AD" clId="Web-{32E0505C-5FD5-43E1-9122-B2772C96E49C}" dt="2023-04-28T07:40:26.788" v="371"/>
          <ac:spMkLst>
            <pc:docMk/>
            <pc:sldMk cId="513332782" sldId="324"/>
            <ac:spMk id="30" creationId="{105E128F-EE6B-BFB7-EBC4-F39F4D567CD7}"/>
          </ac:spMkLst>
        </pc:spChg>
        <pc:spChg chg="add del">
          <ac:chgData name="Niamh Lacy-Roberts" userId="S::nlac_food.dtu.dk#ext#@dksund.onmicrosoft.com::d7748471-4d7b-47f1-ac78-98f12b5c1655" providerId="AD" clId="Web-{32E0505C-5FD5-43E1-9122-B2772C96E49C}" dt="2023-04-28T07:40:26.788" v="369"/>
          <ac:spMkLst>
            <pc:docMk/>
            <pc:sldMk cId="513332782" sldId="324"/>
            <ac:spMk id="34" creationId="{9A45D8E5-47DC-983D-E986-4EDF13167A0D}"/>
          </ac:spMkLst>
        </pc:spChg>
        <pc:spChg chg="add del">
          <ac:chgData name="Niamh Lacy-Roberts" userId="S::nlac_food.dtu.dk#ext#@dksund.onmicrosoft.com::d7748471-4d7b-47f1-ac78-98f12b5c1655" providerId="AD" clId="Web-{32E0505C-5FD5-43E1-9122-B2772C96E49C}" dt="2023-04-28T07:40:26.788" v="367"/>
          <ac:spMkLst>
            <pc:docMk/>
            <pc:sldMk cId="513332782" sldId="324"/>
            <ac:spMk id="38" creationId="{F6981F17-46E2-BD95-7009-60C3B72DC4DD}"/>
          </ac:spMkLst>
        </pc:spChg>
        <pc:spChg chg="add del">
          <ac:chgData name="Niamh Lacy-Roberts" userId="S::nlac_food.dtu.dk#ext#@dksund.onmicrosoft.com::d7748471-4d7b-47f1-ac78-98f12b5c1655" providerId="AD" clId="Web-{32E0505C-5FD5-43E1-9122-B2772C96E49C}" dt="2023-04-28T07:40:26.788" v="365"/>
          <ac:spMkLst>
            <pc:docMk/>
            <pc:sldMk cId="513332782" sldId="324"/>
            <ac:spMk id="42" creationId="{2CCABAD9-0786-4821-DBFF-F6D837B92BD1}"/>
          </ac:spMkLst>
        </pc:spChg>
        <pc:spChg chg="add del">
          <ac:chgData name="Niamh Lacy-Roberts" userId="S::nlac_food.dtu.dk#ext#@dksund.onmicrosoft.com::d7748471-4d7b-47f1-ac78-98f12b5c1655" providerId="AD" clId="Web-{32E0505C-5FD5-43E1-9122-B2772C96E49C}" dt="2023-04-28T07:40:26.788" v="364"/>
          <ac:spMkLst>
            <pc:docMk/>
            <pc:sldMk cId="513332782" sldId="324"/>
            <ac:spMk id="44" creationId="{688ACFEB-54A4-C872-3072-04D5AE537B87}"/>
          </ac:spMkLst>
        </pc:spChg>
        <pc:spChg chg="add del">
          <ac:chgData name="Niamh Lacy-Roberts" userId="S::nlac_food.dtu.dk#ext#@dksund.onmicrosoft.com::d7748471-4d7b-47f1-ac78-98f12b5c1655" providerId="AD" clId="Web-{32E0505C-5FD5-43E1-9122-B2772C96E49C}" dt="2023-04-28T07:40:26.788" v="363"/>
          <ac:spMkLst>
            <pc:docMk/>
            <pc:sldMk cId="513332782" sldId="324"/>
            <ac:spMk id="46" creationId="{6BE2FAE6-08CD-30DF-747A-E473BF116965}"/>
          </ac:spMkLst>
        </pc:spChg>
        <pc:spChg chg="add del">
          <ac:chgData name="Niamh Lacy-Roberts" userId="S::nlac_food.dtu.dk#ext#@dksund.onmicrosoft.com::d7748471-4d7b-47f1-ac78-98f12b5c1655" providerId="AD" clId="Web-{32E0505C-5FD5-43E1-9122-B2772C96E49C}" dt="2023-04-28T07:40:26.788" v="362"/>
          <ac:spMkLst>
            <pc:docMk/>
            <pc:sldMk cId="513332782" sldId="324"/>
            <ac:spMk id="48" creationId="{9362FFA1-029B-0FC9-5E0D-661C2BA3141F}"/>
          </ac:spMkLst>
        </pc:spChg>
        <pc:spChg chg="add del">
          <ac:chgData name="Niamh Lacy-Roberts" userId="S::nlac_food.dtu.dk#ext#@dksund.onmicrosoft.com::d7748471-4d7b-47f1-ac78-98f12b5c1655" providerId="AD" clId="Web-{32E0505C-5FD5-43E1-9122-B2772C96E49C}" dt="2023-04-28T07:41:30.789" v="388"/>
          <ac:spMkLst>
            <pc:docMk/>
            <pc:sldMk cId="513332782" sldId="324"/>
            <ac:spMk id="52" creationId="{D9927149-9102-2772-89AE-F85A5E5D30F9}"/>
          </ac:spMkLst>
        </pc:spChg>
        <pc:spChg chg="add mod">
          <ac:chgData name="Niamh Lacy-Roberts" userId="S::nlac_food.dtu.dk#ext#@dksund.onmicrosoft.com::d7748471-4d7b-47f1-ac78-98f12b5c1655" providerId="AD" clId="Web-{32E0505C-5FD5-43E1-9122-B2772C96E49C}" dt="2023-04-28T07:49:05.973" v="663" actId="1076"/>
          <ac:spMkLst>
            <pc:docMk/>
            <pc:sldMk cId="513332782" sldId="324"/>
            <ac:spMk id="60" creationId="{A0465C95-7BFF-2193-1086-0DFA4BAFB3DE}"/>
          </ac:spMkLst>
        </pc:spChg>
        <pc:spChg chg="add mod">
          <ac:chgData name="Niamh Lacy-Roberts" userId="S::nlac_food.dtu.dk#ext#@dksund.onmicrosoft.com::d7748471-4d7b-47f1-ac78-98f12b5c1655" providerId="AD" clId="Web-{32E0505C-5FD5-43E1-9122-B2772C96E49C}" dt="2023-04-28T07:49:06.083" v="664" actId="1076"/>
          <ac:spMkLst>
            <pc:docMk/>
            <pc:sldMk cId="513332782" sldId="324"/>
            <ac:spMk id="62" creationId="{088DCAF8-428B-AAF3-0CC5-652BE8F11533}"/>
          </ac:spMkLst>
        </pc:spChg>
        <pc:spChg chg="add mod">
          <ac:chgData name="Niamh Lacy-Roberts" userId="S::nlac_food.dtu.dk#ext#@dksund.onmicrosoft.com::d7748471-4d7b-47f1-ac78-98f12b5c1655" providerId="AD" clId="Web-{32E0505C-5FD5-43E1-9122-B2772C96E49C}" dt="2023-04-28T07:49:06.192" v="665" actId="1076"/>
          <ac:spMkLst>
            <pc:docMk/>
            <pc:sldMk cId="513332782" sldId="324"/>
            <ac:spMk id="63" creationId="{1D60300F-DDBD-5D10-8F2F-4C4084FF03D1}"/>
          </ac:spMkLst>
        </pc:spChg>
        <pc:spChg chg="add mod">
          <ac:chgData name="Niamh Lacy-Roberts" userId="S::nlac_food.dtu.dk#ext#@dksund.onmicrosoft.com::d7748471-4d7b-47f1-ac78-98f12b5c1655" providerId="AD" clId="Web-{32E0505C-5FD5-43E1-9122-B2772C96E49C}" dt="2023-04-28T07:49:06.301" v="666" actId="1076"/>
          <ac:spMkLst>
            <pc:docMk/>
            <pc:sldMk cId="513332782" sldId="324"/>
            <ac:spMk id="64" creationId="{F1666F2A-4425-395F-3838-F4E0B21E76E1}"/>
          </ac:spMkLst>
        </pc:spChg>
        <pc:spChg chg="add mod">
          <ac:chgData name="Niamh Lacy-Roberts" userId="S::nlac_food.dtu.dk#ext#@dksund.onmicrosoft.com::d7748471-4d7b-47f1-ac78-98f12b5c1655" providerId="AD" clId="Web-{32E0505C-5FD5-43E1-9122-B2772C96E49C}" dt="2023-04-28T07:49:06.411" v="667" actId="1076"/>
          <ac:spMkLst>
            <pc:docMk/>
            <pc:sldMk cId="513332782" sldId="324"/>
            <ac:spMk id="65" creationId="{EBC2EE02-CDE4-6CFB-175E-F98421577A16}"/>
          </ac:spMkLst>
        </pc:spChg>
        <pc:spChg chg="add mod">
          <ac:chgData name="Niamh Lacy-Roberts" userId="S::nlac_food.dtu.dk#ext#@dksund.onmicrosoft.com::d7748471-4d7b-47f1-ac78-98f12b5c1655" providerId="AD" clId="Web-{32E0505C-5FD5-43E1-9122-B2772C96E49C}" dt="2023-04-28T07:49:06.520" v="668" actId="1076"/>
          <ac:spMkLst>
            <pc:docMk/>
            <pc:sldMk cId="513332782" sldId="324"/>
            <ac:spMk id="66" creationId="{92D0B201-36DC-EA01-3BCB-6FC4CFBB49AB}"/>
          </ac:spMkLst>
        </pc:spChg>
        <pc:spChg chg="add mod">
          <ac:chgData name="Niamh Lacy-Roberts" userId="S::nlac_food.dtu.dk#ext#@dksund.onmicrosoft.com::d7748471-4d7b-47f1-ac78-98f12b5c1655" providerId="AD" clId="Web-{32E0505C-5FD5-43E1-9122-B2772C96E49C}" dt="2023-04-28T07:49:06.739" v="670" actId="1076"/>
          <ac:spMkLst>
            <pc:docMk/>
            <pc:sldMk cId="513332782" sldId="324"/>
            <ac:spMk id="68" creationId="{7D87960F-B62C-FF99-D0A9-CB6C75323652}"/>
          </ac:spMkLst>
        </pc:spChg>
        <pc:spChg chg="add mod">
          <ac:chgData name="Niamh Lacy-Roberts" userId="S::nlac_food.dtu.dk#ext#@dksund.onmicrosoft.com::d7748471-4d7b-47f1-ac78-98f12b5c1655" providerId="AD" clId="Web-{32E0505C-5FD5-43E1-9122-B2772C96E49C}" dt="2023-04-28T07:49:06.848" v="671" actId="1076"/>
          <ac:spMkLst>
            <pc:docMk/>
            <pc:sldMk cId="513332782" sldId="324"/>
            <ac:spMk id="69" creationId="{B692954D-E1BC-AB9B-69B5-030F5D0BC4C2}"/>
          </ac:spMkLst>
        </pc:spChg>
        <pc:spChg chg="add mod">
          <ac:chgData name="Niamh Lacy-Roberts" userId="S::nlac_food.dtu.dk#ext#@dksund.onmicrosoft.com::d7748471-4d7b-47f1-ac78-98f12b5c1655" providerId="AD" clId="Web-{32E0505C-5FD5-43E1-9122-B2772C96E49C}" dt="2023-04-28T07:49:06.958" v="672" actId="1076"/>
          <ac:spMkLst>
            <pc:docMk/>
            <pc:sldMk cId="513332782" sldId="324"/>
            <ac:spMk id="70" creationId="{54E69DAA-8393-B9B9-9A2F-4DE74C88940E}"/>
          </ac:spMkLst>
        </pc:spChg>
        <pc:spChg chg="add mod">
          <ac:chgData name="Niamh Lacy-Roberts" userId="S::nlac_food.dtu.dk#ext#@dksund.onmicrosoft.com::d7748471-4d7b-47f1-ac78-98f12b5c1655" providerId="AD" clId="Web-{32E0505C-5FD5-43E1-9122-B2772C96E49C}" dt="2023-04-28T07:49:07.067" v="673" actId="1076"/>
          <ac:spMkLst>
            <pc:docMk/>
            <pc:sldMk cId="513332782" sldId="324"/>
            <ac:spMk id="71" creationId="{E5A5FAC9-F23A-04F1-30E8-7C9018F53F5F}"/>
          </ac:spMkLst>
        </pc:spChg>
        <pc:spChg chg="add mod">
          <ac:chgData name="Niamh Lacy-Roberts" userId="S::nlac_food.dtu.dk#ext#@dksund.onmicrosoft.com::d7748471-4d7b-47f1-ac78-98f12b5c1655" providerId="AD" clId="Web-{32E0505C-5FD5-43E1-9122-B2772C96E49C}" dt="2023-04-28T07:49:07.192" v="674" actId="1076"/>
          <ac:spMkLst>
            <pc:docMk/>
            <pc:sldMk cId="513332782" sldId="324"/>
            <ac:spMk id="72" creationId="{1CE1C992-9AAC-2924-3E58-2CCAC1645A5D}"/>
          </ac:spMkLst>
        </pc:spChg>
        <pc:spChg chg="add mod">
          <ac:chgData name="Niamh Lacy-Roberts" userId="S::nlac_food.dtu.dk#ext#@dksund.onmicrosoft.com::d7748471-4d7b-47f1-ac78-98f12b5c1655" providerId="AD" clId="Web-{32E0505C-5FD5-43E1-9122-B2772C96E49C}" dt="2023-04-28T07:49:07.301" v="675" actId="1076"/>
          <ac:spMkLst>
            <pc:docMk/>
            <pc:sldMk cId="513332782" sldId="324"/>
            <ac:spMk id="73" creationId="{FC59E1F6-E50E-E909-046D-FD1F69EAA9E5}"/>
          </ac:spMkLst>
        </pc:spChg>
        <pc:spChg chg="add mod">
          <ac:chgData name="Niamh Lacy-Roberts" userId="S::nlac_food.dtu.dk#ext#@dksund.onmicrosoft.com::d7748471-4d7b-47f1-ac78-98f12b5c1655" providerId="AD" clId="Web-{32E0505C-5FD5-43E1-9122-B2772C96E49C}" dt="2023-04-28T07:49:08.192" v="683" actId="1076"/>
          <ac:spMkLst>
            <pc:docMk/>
            <pc:sldMk cId="513332782" sldId="324"/>
            <ac:spMk id="81" creationId="{C8FF91B1-5EF1-6F3A-509E-73A454880236}"/>
          </ac:spMkLst>
        </pc:spChg>
        <pc:spChg chg="add mod">
          <ac:chgData name="Niamh Lacy-Roberts" userId="S::nlac_food.dtu.dk#ext#@dksund.onmicrosoft.com::d7748471-4d7b-47f1-ac78-98f12b5c1655" providerId="AD" clId="Web-{32E0505C-5FD5-43E1-9122-B2772C96E49C}" dt="2023-04-28T07:49:08.286" v="684" actId="1076"/>
          <ac:spMkLst>
            <pc:docMk/>
            <pc:sldMk cId="513332782" sldId="324"/>
            <ac:spMk id="82" creationId="{5D67E3D0-8D4B-DD20-6895-ED94292E19D6}"/>
          </ac:spMkLst>
        </pc:spChg>
        <pc:spChg chg="add mod">
          <ac:chgData name="Niamh Lacy-Roberts" userId="S::nlac_food.dtu.dk#ext#@dksund.onmicrosoft.com::d7748471-4d7b-47f1-ac78-98f12b5c1655" providerId="AD" clId="Web-{32E0505C-5FD5-43E1-9122-B2772C96E49C}" dt="2023-04-28T07:49:08.395" v="685" actId="1076"/>
          <ac:spMkLst>
            <pc:docMk/>
            <pc:sldMk cId="513332782" sldId="324"/>
            <ac:spMk id="83" creationId="{E14B4000-39B3-BA60-728E-05DA9E5A88C3}"/>
          </ac:spMkLst>
        </pc:spChg>
        <pc:spChg chg="add mod">
          <ac:chgData name="Niamh Lacy-Roberts" userId="S::nlac_food.dtu.dk#ext#@dksund.onmicrosoft.com::d7748471-4d7b-47f1-ac78-98f12b5c1655" providerId="AD" clId="Web-{32E0505C-5FD5-43E1-9122-B2772C96E49C}" dt="2023-04-28T07:49:08.505" v="686" actId="1076"/>
          <ac:spMkLst>
            <pc:docMk/>
            <pc:sldMk cId="513332782" sldId="324"/>
            <ac:spMk id="84" creationId="{157318ED-E4D6-DDE7-E593-1AFA564DC1D9}"/>
          </ac:spMkLst>
        </pc:spChg>
        <pc:spChg chg="add mod">
          <ac:chgData name="Niamh Lacy-Roberts" userId="S::nlac_food.dtu.dk#ext#@dksund.onmicrosoft.com::d7748471-4d7b-47f1-ac78-98f12b5c1655" providerId="AD" clId="Web-{32E0505C-5FD5-43E1-9122-B2772C96E49C}" dt="2023-04-28T07:49:08.614" v="687" actId="1076"/>
          <ac:spMkLst>
            <pc:docMk/>
            <pc:sldMk cId="513332782" sldId="324"/>
            <ac:spMk id="85" creationId="{54953AB2-5950-245E-07C2-E730DCAFEFDB}"/>
          </ac:spMkLst>
        </pc:spChg>
        <pc:spChg chg="add mod">
          <ac:chgData name="Niamh Lacy-Roberts" userId="S::nlac_food.dtu.dk#ext#@dksund.onmicrosoft.com::d7748471-4d7b-47f1-ac78-98f12b5c1655" providerId="AD" clId="Web-{32E0505C-5FD5-43E1-9122-B2772C96E49C}" dt="2023-04-28T07:49:08.786" v="688" actId="1076"/>
          <ac:spMkLst>
            <pc:docMk/>
            <pc:sldMk cId="513332782" sldId="324"/>
            <ac:spMk id="86" creationId="{827DF3B8-B0D9-0E35-E351-828C74F86613}"/>
          </ac:spMkLst>
        </pc:spChg>
        <pc:spChg chg="add mod">
          <ac:chgData name="Niamh Lacy-Roberts" userId="S::nlac_food.dtu.dk#ext#@dksund.onmicrosoft.com::d7748471-4d7b-47f1-ac78-98f12b5c1655" providerId="AD" clId="Web-{32E0505C-5FD5-43E1-9122-B2772C96E49C}" dt="2023-04-28T07:49:09.005" v="690" actId="1076"/>
          <ac:spMkLst>
            <pc:docMk/>
            <pc:sldMk cId="513332782" sldId="324"/>
            <ac:spMk id="88" creationId="{6CCAF23A-7C73-070A-3FD2-998261045C26}"/>
          </ac:spMkLst>
        </pc:spChg>
        <pc:spChg chg="add mod">
          <ac:chgData name="Niamh Lacy-Roberts" userId="S::nlac_food.dtu.dk#ext#@dksund.onmicrosoft.com::d7748471-4d7b-47f1-ac78-98f12b5c1655" providerId="AD" clId="Web-{32E0505C-5FD5-43E1-9122-B2772C96E49C}" dt="2023-04-28T07:49:09.098" v="691" actId="1076"/>
          <ac:spMkLst>
            <pc:docMk/>
            <pc:sldMk cId="513332782" sldId="324"/>
            <ac:spMk id="89" creationId="{EC0565F1-D9BF-920E-9FF6-65A539804ECC}"/>
          </ac:spMkLst>
        </pc:spChg>
        <pc:spChg chg="add mod">
          <ac:chgData name="Niamh Lacy-Roberts" userId="S::nlac_food.dtu.dk#ext#@dksund.onmicrosoft.com::d7748471-4d7b-47f1-ac78-98f12b5c1655" providerId="AD" clId="Web-{32E0505C-5FD5-43E1-9122-B2772C96E49C}" dt="2023-04-28T07:49:09.208" v="692" actId="1076"/>
          <ac:spMkLst>
            <pc:docMk/>
            <pc:sldMk cId="513332782" sldId="324"/>
            <ac:spMk id="90" creationId="{A878E61D-6A63-2F6B-C9E5-CE3E9904845B}"/>
          </ac:spMkLst>
        </pc:spChg>
        <pc:spChg chg="add mod">
          <ac:chgData name="Niamh Lacy-Roberts" userId="S::nlac_food.dtu.dk#ext#@dksund.onmicrosoft.com::d7748471-4d7b-47f1-ac78-98f12b5c1655" providerId="AD" clId="Web-{32E0505C-5FD5-43E1-9122-B2772C96E49C}" dt="2023-04-28T07:49:09.317" v="693" actId="1076"/>
          <ac:spMkLst>
            <pc:docMk/>
            <pc:sldMk cId="513332782" sldId="324"/>
            <ac:spMk id="91" creationId="{1341C77A-4FDC-4DF8-63BB-3F904D1C2D5B}"/>
          </ac:spMkLst>
        </pc:spChg>
        <pc:spChg chg="add mod">
          <ac:chgData name="Niamh Lacy-Roberts" userId="S::nlac_food.dtu.dk#ext#@dksund.onmicrosoft.com::d7748471-4d7b-47f1-ac78-98f12b5c1655" providerId="AD" clId="Web-{32E0505C-5FD5-43E1-9122-B2772C96E49C}" dt="2023-04-28T07:49:09.426" v="694" actId="1076"/>
          <ac:spMkLst>
            <pc:docMk/>
            <pc:sldMk cId="513332782" sldId="324"/>
            <ac:spMk id="92" creationId="{10EB31F8-CAEC-4DB8-D4F0-6E9163E99392}"/>
          </ac:spMkLst>
        </pc:spChg>
        <pc:spChg chg="add mod">
          <ac:chgData name="Niamh Lacy-Roberts" userId="S::nlac_food.dtu.dk#ext#@dksund.onmicrosoft.com::d7748471-4d7b-47f1-ac78-98f12b5c1655" providerId="AD" clId="Web-{32E0505C-5FD5-43E1-9122-B2772C96E49C}" dt="2023-04-28T07:49:09.536" v="695" actId="1076"/>
          <ac:spMkLst>
            <pc:docMk/>
            <pc:sldMk cId="513332782" sldId="324"/>
            <ac:spMk id="93" creationId="{1ED4312A-DBB4-DADE-912E-0BB96BD96097}"/>
          </ac:spMkLst>
        </pc:spChg>
        <pc:spChg chg="add mod">
          <ac:chgData name="Niamh Lacy-Roberts" userId="S::nlac_food.dtu.dk#ext#@dksund.onmicrosoft.com::d7748471-4d7b-47f1-ac78-98f12b5c1655" providerId="AD" clId="Web-{32E0505C-5FD5-43E1-9122-B2772C96E49C}" dt="2023-04-28T07:49:09.661" v="696" actId="1076"/>
          <ac:spMkLst>
            <pc:docMk/>
            <pc:sldMk cId="513332782" sldId="324"/>
            <ac:spMk id="94" creationId="{F1121975-CA8B-C384-228C-C6A74A97F247}"/>
          </ac:spMkLst>
        </pc:spChg>
        <pc:spChg chg="add mod">
          <ac:chgData name="Niamh Lacy-Roberts" userId="S::nlac_food.dtu.dk#ext#@dksund.onmicrosoft.com::d7748471-4d7b-47f1-ac78-98f12b5c1655" providerId="AD" clId="Web-{32E0505C-5FD5-43E1-9122-B2772C96E49C}" dt="2023-04-28T07:49:09.770" v="697" actId="1076"/>
          <ac:spMkLst>
            <pc:docMk/>
            <pc:sldMk cId="513332782" sldId="324"/>
            <ac:spMk id="95" creationId="{4C89AAC6-23AE-2CC8-9527-8FE10CC59391}"/>
          </ac:spMkLst>
        </pc:spChg>
        <pc:spChg chg="add mod">
          <ac:chgData name="Niamh Lacy-Roberts" userId="S::nlac_food.dtu.dk#ext#@dksund.onmicrosoft.com::d7748471-4d7b-47f1-ac78-98f12b5c1655" providerId="AD" clId="Web-{32E0505C-5FD5-43E1-9122-B2772C96E49C}" dt="2023-04-28T07:55:35.983" v="710" actId="20577"/>
          <ac:spMkLst>
            <pc:docMk/>
            <pc:sldMk cId="513332782" sldId="324"/>
            <ac:spMk id="97" creationId="{249F4F5D-62BD-C923-6D56-E5193D8A8342}"/>
          </ac:spMkLst>
        </pc:spChg>
        <pc:graphicFrameChg chg="add del">
          <ac:chgData name="Niamh Lacy-Roberts" userId="S::nlac_food.dtu.dk#ext#@dksund.onmicrosoft.com::d7748471-4d7b-47f1-ac78-98f12b5c1655" providerId="AD" clId="Web-{32E0505C-5FD5-43E1-9122-B2772C96E49C}" dt="2023-04-28T07:40:26.788" v="383"/>
          <ac:graphicFrameMkLst>
            <pc:docMk/>
            <pc:sldMk cId="513332782" sldId="324"/>
            <ac:graphicFrameMk id="6" creationId="{0BE0A6B4-A97C-FFD0-D995-981EAC92E6D3}"/>
          </ac:graphicFrameMkLst>
        </pc:graphicFrameChg>
        <pc:graphicFrameChg chg="add del">
          <ac:chgData name="Niamh Lacy-Roberts" userId="S::nlac_food.dtu.dk#ext#@dksund.onmicrosoft.com::d7748471-4d7b-47f1-ac78-98f12b5c1655" providerId="AD" clId="Web-{32E0505C-5FD5-43E1-9122-B2772C96E49C}" dt="2023-04-28T07:40:26.788" v="382"/>
          <ac:graphicFrameMkLst>
            <pc:docMk/>
            <pc:sldMk cId="513332782" sldId="324"/>
            <ac:graphicFrameMk id="8" creationId="{794C3226-1075-1C06-EEFA-88C7615FF9C7}"/>
          </ac:graphicFrameMkLst>
        </pc:graphicFrameChg>
        <pc:graphicFrameChg chg="add del">
          <ac:chgData name="Niamh Lacy-Roberts" userId="S::nlac_food.dtu.dk#ext#@dksund.onmicrosoft.com::d7748471-4d7b-47f1-ac78-98f12b5c1655" providerId="AD" clId="Web-{32E0505C-5FD5-43E1-9122-B2772C96E49C}" dt="2023-04-28T07:40:26.788" v="381"/>
          <ac:graphicFrameMkLst>
            <pc:docMk/>
            <pc:sldMk cId="513332782" sldId="324"/>
            <ac:graphicFrameMk id="10" creationId="{9DB9F592-2B83-2C24-861F-C1A6AD5E3202}"/>
          </ac:graphicFrameMkLst>
        </pc:graphicFrameChg>
        <pc:graphicFrameChg chg="add del">
          <ac:chgData name="Niamh Lacy-Roberts" userId="S::nlac_food.dtu.dk#ext#@dksund.onmicrosoft.com::d7748471-4d7b-47f1-ac78-98f12b5c1655" providerId="AD" clId="Web-{32E0505C-5FD5-43E1-9122-B2772C96E49C}" dt="2023-04-28T07:40:26.788" v="380"/>
          <ac:graphicFrameMkLst>
            <pc:docMk/>
            <pc:sldMk cId="513332782" sldId="324"/>
            <ac:graphicFrameMk id="12" creationId="{E7E8BDB1-D3CA-E12D-11F7-2CDD4D5276B9}"/>
          </ac:graphicFrameMkLst>
        </pc:graphicFrameChg>
        <pc:graphicFrameChg chg="add del">
          <ac:chgData name="Niamh Lacy-Roberts" userId="S::nlac_food.dtu.dk#ext#@dksund.onmicrosoft.com::d7748471-4d7b-47f1-ac78-98f12b5c1655" providerId="AD" clId="Web-{32E0505C-5FD5-43E1-9122-B2772C96E49C}" dt="2023-04-28T07:40:26.788" v="372"/>
          <ac:graphicFrameMkLst>
            <pc:docMk/>
            <pc:sldMk cId="513332782" sldId="324"/>
            <ac:graphicFrameMk id="28" creationId="{D9F087D5-3E19-F4D3-80C4-C78687DD683B}"/>
          </ac:graphicFrameMkLst>
        </pc:graphicFrameChg>
        <pc:graphicFrameChg chg="add del">
          <ac:chgData name="Niamh Lacy-Roberts" userId="S::nlac_food.dtu.dk#ext#@dksund.onmicrosoft.com::d7748471-4d7b-47f1-ac78-98f12b5c1655" providerId="AD" clId="Web-{32E0505C-5FD5-43E1-9122-B2772C96E49C}" dt="2023-04-28T07:40:26.788" v="370"/>
          <ac:graphicFrameMkLst>
            <pc:docMk/>
            <pc:sldMk cId="513332782" sldId="324"/>
            <ac:graphicFrameMk id="32" creationId="{6484B8A6-0D8C-4C1D-94F5-0BD01D29263F}"/>
          </ac:graphicFrameMkLst>
        </pc:graphicFrameChg>
        <pc:graphicFrameChg chg="add del">
          <ac:chgData name="Niamh Lacy-Roberts" userId="S::nlac_food.dtu.dk#ext#@dksund.onmicrosoft.com::d7748471-4d7b-47f1-ac78-98f12b5c1655" providerId="AD" clId="Web-{32E0505C-5FD5-43E1-9122-B2772C96E49C}" dt="2023-04-28T07:40:26.788" v="368"/>
          <ac:graphicFrameMkLst>
            <pc:docMk/>
            <pc:sldMk cId="513332782" sldId="324"/>
            <ac:graphicFrameMk id="36" creationId="{9BEEC16D-E6AF-8EDF-EDEA-0A0616C03083}"/>
          </ac:graphicFrameMkLst>
        </pc:graphicFrameChg>
        <pc:graphicFrameChg chg="add del">
          <ac:chgData name="Niamh Lacy-Roberts" userId="S::nlac_food.dtu.dk#ext#@dksund.onmicrosoft.com::d7748471-4d7b-47f1-ac78-98f12b5c1655" providerId="AD" clId="Web-{32E0505C-5FD5-43E1-9122-B2772C96E49C}" dt="2023-04-28T07:40:26.788" v="366"/>
          <ac:graphicFrameMkLst>
            <pc:docMk/>
            <pc:sldMk cId="513332782" sldId="324"/>
            <ac:graphicFrameMk id="40" creationId="{938D68B2-BB8F-7F44-1B04-C24C4621694D}"/>
          </ac:graphicFrameMkLst>
        </pc:graphicFrameChg>
        <pc:graphicFrameChg chg="add del mod modGraphic">
          <ac:chgData name="Niamh Lacy-Roberts" userId="S::nlac_food.dtu.dk#ext#@dksund.onmicrosoft.com::d7748471-4d7b-47f1-ac78-98f12b5c1655" providerId="AD" clId="Web-{32E0505C-5FD5-43E1-9122-B2772C96E49C}" dt="2023-04-28T07:41:41.837" v="393"/>
          <ac:graphicFrameMkLst>
            <pc:docMk/>
            <pc:sldMk cId="513332782" sldId="324"/>
            <ac:graphicFrameMk id="50" creationId="{AF850D6D-EBE3-1EB1-3FBD-B7300EFD51F0}"/>
          </ac:graphicFrameMkLst>
        </pc:graphicFrameChg>
        <pc:graphicFrameChg chg="add mod modGraphic">
          <ac:chgData name="Niamh Lacy-Roberts" userId="S::nlac_food.dtu.dk#ext#@dksund.onmicrosoft.com::d7748471-4d7b-47f1-ac78-98f12b5c1655" providerId="AD" clId="Web-{32E0505C-5FD5-43E1-9122-B2772C96E49C}" dt="2023-04-28T07:49:05.176" v="656" actId="1076"/>
          <ac:graphicFrameMkLst>
            <pc:docMk/>
            <pc:sldMk cId="513332782" sldId="324"/>
            <ac:graphicFrameMk id="53" creationId="{A81BB2D7-3C22-C2AE-5745-28542CC892DF}"/>
          </ac:graphicFrameMkLst>
        </pc:graphicFrameChg>
        <pc:graphicFrameChg chg="add mod modGraphic">
          <ac:chgData name="Niamh Lacy-Roberts" userId="S::nlac_food.dtu.dk#ext#@dksund.onmicrosoft.com::d7748471-4d7b-47f1-ac78-98f12b5c1655" providerId="AD" clId="Web-{32E0505C-5FD5-43E1-9122-B2772C96E49C}" dt="2023-04-28T07:49:05.286" v="657" actId="1076"/>
          <ac:graphicFrameMkLst>
            <pc:docMk/>
            <pc:sldMk cId="513332782" sldId="324"/>
            <ac:graphicFrameMk id="54" creationId="{8C360FF3-3EEE-FC9B-5CD2-4280C689A07D}"/>
          </ac:graphicFrameMkLst>
        </pc:graphicFrameChg>
        <pc:graphicFrameChg chg="add mod modGraphic">
          <ac:chgData name="Niamh Lacy-Roberts" userId="S::nlac_food.dtu.dk#ext#@dksund.onmicrosoft.com::d7748471-4d7b-47f1-ac78-98f12b5c1655" providerId="AD" clId="Web-{32E0505C-5FD5-43E1-9122-B2772C96E49C}" dt="2023-04-28T07:49:05.411" v="658" actId="1076"/>
          <ac:graphicFrameMkLst>
            <pc:docMk/>
            <pc:sldMk cId="513332782" sldId="324"/>
            <ac:graphicFrameMk id="55" creationId="{E44B76D7-89DA-A043-959A-CAA1502D06DF}"/>
          </ac:graphicFrameMkLst>
        </pc:graphicFrameChg>
        <pc:graphicFrameChg chg="add mod modGraphic">
          <ac:chgData name="Niamh Lacy-Roberts" userId="S::nlac_food.dtu.dk#ext#@dksund.onmicrosoft.com::d7748471-4d7b-47f1-ac78-98f12b5c1655" providerId="AD" clId="Web-{32E0505C-5FD5-43E1-9122-B2772C96E49C}" dt="2023-04-28T07:49:05.520" v="659" actId="1076"/>
          <ac:graphicFrameMkLst>
            <pc:docMk/>
            <pc:sldMk cId="513332782" sldId="324"/>
            <ac:graphicFrameMk id="56" creationId="{D05877DE-771A-A614-1CF7-560E3FB65459}"/>
          </ac:graphicFrameMkLst>
        </pc:graphicFrameChg>
        <pc:graphicFrameChg chg="add mod modGraphic">
          <ac:chgData name="Niamh Lacy-Roberts" userId="S::nlac_food.dtu.dk#ext#@dksund.onmicrosoft.com::d7748471-4d7b-47f1-ac78-98f12b5c1655" providerId="AD" clId="Web-{32E0505C-5FD5-43E1-9122-B2772C96E49C}" dt="2023-04-28T07:49:05.630" v="660" actId="1076"/>
          <ac:graphicFrameMkLst>
            <pc:docMk/>
            <pc:sldMk cId="513332782" sldId="324"/>
            <ac:graphicFrameMk id="57" creationId="{84A410B5-E64D-90DD-E8F9-CDD0F1F35467}"/>
          </ac:graphicFrameMkLst>
        </pc:graphicFrameChg>
        <pc:graphicFrameChg chg="add mod modGraphic">
          <ac:chgData name="Niamh Lacy-Roberts" userId="S::nlac_food.dtu.dk#ext#@dksund.onmicrosoft.com::d7748471-4d7b-47f1-ac78-98f12b5c1655" providerId="AD" clId="Web-{32E0505C-5FD5-43E1-9122-B2772C96E49C}" dt="2023-04-28T07:49:05.739" v="661" actId="1076"/>
          <ac:graphicFrameMkLst>
            <pc:docMk/>
            <pc:sldMk cId="513332782" sldId="324"/>
            <ac:graphicFrameMk id="58" creationId="{B7C7311F-13F5-05BC-D57D-2E518B7597BA}"/>
          </ac:graphicFrameMkLst>
        </pc:graphicFrameChg>
        <pc:graphicFrameChg chg="add mod modGraphic">
          <ac:chgData name="Niamh Lacy-Roberts" userId="S::nlac_food.dtu.dk#ext#@dksund.onmicrosoft.com::d7748471-4d7b-47f1-ac78-98f12b5c1655" providerId="AD" clId="Web-{32E0505C-5FD5-43E1-9122-B2772C96E49C}" dt="2023-04-28T07:49:05.864" v="662" actId="1076"/>
          <ac:graphicFrameMkLst>
            <pc:docMk/>
            <pc:sldMk cId="513332782" sldId="324"/>
            <ac:graphicFrameMk id="59" creationId="{36A74517-B783-46C2-F697-72F1ABED800F}"/>
          </ac:graphicFrameMkLst>
        </pc:graphicFrameChg>
        <pc:graphicFrameChg chg="add del">
          <ac:chgData name="Niamh Lacy-Roberts" userId="S::nlac_food.dtu.dk#ext#@dksund.onmicrosoft.com::d7748471-4d7b-47f1-ac78-98f12b5c1655" providerId="AD" clId="Web-{32E0505C-5FD5-43E1-9122-B2772C96E49C}" dt="2023-04-28T07:43:51.512" v="473"/>
          <ac:graphicFrameMkLst>
            <pc:docMk/>
            <pc:sldMk cId="513332782" sldId="324"/>
            <ac:graphicFrameMk id="61" creationId="{D7C1C964-81BE-0701-E691-3B1C64998A17}"/>
          </ac:graphicFrameMkLst>
        </pc:graphicFrameChg>
        <pc:graphicFrameChg chg="add mod modGraphic">
          <ac:chgData name="Niamh Lacy-Roberts" userId="S::nlac_food.dtu.dk#ext#@dksund.onmicrosoft.com::d7748471-4d7b-47f1-ac78-98f12b5c1655" providerId="AD" clId="Web-{32E0505C-5FD5-43E1-9122-B2772C96E49C}" dt="2023-04-28T07:49:06.630" v="669" actId="1076"/>
          <ac:graphicFrameMkLst>
            <pc:docMk/>
            <pc:sldMk cId="513332782" sldId="324"/>
            <ac:graphicFrameMk id="67" creationId="{FC1F28A1-2D03-8DBB-5BA1-625C1946CE3E}"/>
          </ac:graphicFrameMkLst>
        </pc:graphicFrameChg>
        <pc:graphicFrameChg chg="add mod modGraphic">
          <ac:chgData name="Niamh Lacy-Roberts" userId="S::nlac_food.dtu.dk#ext#@dksund.onmicrosoft.com::d7748471-4d7b-47f1-ac78-98f12b5c1655" providerId="AD" clId="Web-{32E0505C-5FD5-43E1-9122-B2772C96E49C}" dt="2023-04-28T07:49:07.411" v="676" actId="1076"/>
          <ac:graphicFrameMkLst>
            <pc:docMk/>
            <pc:sldMk cId="513332782" sldId="324"/>
            <ac:graphicFrameMk id="74" creationId="{4DBBB291-4C66-1875-9963-EC9B95F57EDE}"/>
          </ac:graphicFrameMkLst>
        </pc:graphicFrameChg>
        <pc:graphicFrameChg chg="add mod modGraphic">
          <ac:chgData name="Niamh Lacy-Roberts" userId="S::nlac_food.dtu.dk#ext#@dksund.onmicrosoft.com::d7748471-4d7b-47f1-ac78-98f12b5c1655" providerId="AD" clId="Web-{32E0505C-5FD5-43E1-9122-B2772C96E49C}" dt="2023-04-28T07:49:07.520" v="677" actId="1076"/>
          <ac:graphicFrameMkLst>
            <pc:docMk/>
            <pc:sldMk cId="513332782" sldId="324"/>
            <ac:graphicFrameMk id="75" creationId="{3F235245-8AC3-2927-E3A5-7B9D0DF920E9}"/>
          </ac:graphicFrameMkLst>
        </pc:graphicFrameChg>
        <pc:graphicFrameChg chg="add mod modGraphic">
          <ac:chgData name="Niamh Lacy-Roberts" userId="S::nlac_food.dtu.dk#ext#@dksund.onmicrosoft.com::d7748471-4d7b-47f1-ac78-98f12b5c1655" providerId="AD" clId="Web-{32E0505C-5FD5-43E1-9122-B2772C96E49C}" dt="2023-04-28T07:49:07.630" v="678" actId="1076"/>
          <ac:graphicFrameMkLst>
            <pc:docMk/>
            <pc:sldMk cId="513332782" sldId="324"/>
            <ac:graphicFrameMk id="76" creationId="{09721943-63BB-180F-85CF-2F46CDC4A9B2}"/>
          </ac:graphicFrameMkLst>
        </pc:graphicFrameChg>
        <pc:graphicFrameChg chg="add mod modGraphic">
          <ac:chgData name="Niamh Lacy-Roberts" userId="S::nlac_food.dtu.dk#ext#@dksund.onmicrosoft.com::d7748471-4d7b-47f1-ac78-98f12b5c1655" providerId="AD" clId="Web-{32E0505C-5FD5-43E1-9122-B2772C96E49C}" dt="2023-04-28T07:49:07.755" v="679" actId="1076"/>
          <ac:graphicFrameMkLst>
            <pc:docMk/>
            <pc:sldMk cId="513332782" sldId="324"/>
            <ac:graphicFrameMk id="77" creationId="{F43B1E40-9410-5180-8848-88319A54BD23}"/>
          </ac:graphicFrameMkLst>
        </pc:graphicFrameChg>
        <pc:graphicFrameChg chg="add mod modGraphic">
          <ac:chgData name="Niamh Lacy-Roberts" userId="S::nlac_food.dtu.dk#ext#@dksund.onmicrosoft.com::d7748471-4d7b-47f1-ac78-98f12b5c1655" providerId="AD" clId="Web-{32E0505C-5FD5-43E1-9122-B2772C96E49C}" dt="2023-04-28T07:49:07.864" v="680" actId="1076"/>
          <ac:graphicFrameMkLst>
            <pc:docMk/>
            <pc:sldMk cId="513332782" sldId="324"/>
            <ac:graphicFrameMk id="78" creationId="{0F00200E-9869-AAD1-6C34-4BA5F39A08D0}"/>
          </ac:graphicFrameMkLst>
        </pc:graphicFrameChg>
        <pc:graphicFrameChg chg="add mod modGraphic">
          <ac:chgData name="Niamh Lacy-Roberts" userId="S::nlac_food.dtu.dk#ext#@dksund.onmicrosoft.com::d7748471-4d7b-47f1-ac78-98f12b5c1655" providerId="AD" clId="Web-{32E0505C-5FD5-43E1-9122-B2772C96E49C}" dt="2023-04-28T07:49:07.973" v="681" actId="1076"/>
          <ac:graphicFrameMkLst>
            <pc:docMk/>
            <pc:sldMk cId="513332782" sldId="324"/>
            <ac:graphicFrameMk id="79" creationId="{D50634BF-C17B-2720-09E3-D202907BF635}"/>
          </ac:graphicFrameMkLst>
        </pc:graphicFrameChg>
        <pc:graphicFrameChg chg="add mod modGraphic">
          <ac:chgData name="Niamh Lacy-Roberts" userId="S::nlac_food.dtu.dk#ext#@dksund.onmicrosoft.com::d7748471-4d7b-47f1-ac78-98f12b5c1655" providerId="AD" clId="Web-{32E0505C-5FD5-43E1-9122-B2772C96E49C}" dt="2023-04-28T07:49:08.083" v="682" actId="1076"/>
          <ac:graphicFrameMkLst>
            <pc:docMk/>
            <pc:sldMk cId="513332782" sldId="324"/>
            <ac:graphicFrameMk id="80" creationId="{912BF6D5-2104-1D17-C94E-592906A37D9E}"/>
          </ac:graphicFrameMkLst>
        </pc:graphicFrameChg>
        <pc:graphicFrameChg chg="add mod modGraphic">
          <ac:chgData name="Niamh Lacy-Roberts" userId="S::nlac_food.dtu.dk#ext#@dksund.onmicrosoft.com::d7748471-4d7b-47f1-ac78-98f12b5c1655" providerId="AD" clId="Web-{32E0505C-5FD5-43E1-9122-B2772C96E49C}" dt="2023-04-28T07:49:08.895" v="689" actId="1076"/>
          <ac:graphicFrameMkLst>
            <pc:docMk/>
            <pc:sldMk cId="513332782" sldId="324"/>
            <ac:graphicFrameMk id="87" creationId="{AFA19E5F-BFF3-3837-002C-DDEDDA91287C}"/>
          </ac:graphicFrameMkLst>
        </pc:graphicFrameChg>
      </pc:sldChg>
      <pc:sldChg chg="addSp delSp modSp new">
        <pc:chgData name="Niamh Lacy-Roberts" userId="S::nlac_food.dtu.dk#ext#@dksund.onmicrosoft.com::d7748471-4d7b-47f1-ac78-98f12b5c1655" providerId="AD" clId="Web-{32E0505C-5FD5-43E1-9122-B2772C96E49C}" dt="2023-04-28T07:56:30.188" v="737" actId="20577"/>
        <pc:sldMkLst>
          <pc:docMk/>
          <pc:sldMk cId="2862148383" sldId="325"/>
        </pc:sldMkLst>
        <pc:spChg chg="mod">
          <ac:chgData name="Niamh Lacy-Roberts" userId="S::nlac_food.dtu.dk#ext#@dksund.onmicrosoft.com::d7748471-4d7b-47f1-ac78-98f12b5c1655" providerId="AD" clId="Web-{32E0505C-5FD5-43E1-9122-B2772C96E49C}" dt="2023-04-28T07:56:09.719" v="714" actId="20577"/>
          <ac:spMkLst>
            <pc:docMk/>
            <pc:sldMk cId="2862148383" sldId="325"/>
            <ac:spMk id="2" creationId="{36BB7F78-9D60-8F56-0A7E-FD800C9EA91A}"/>
          </ac:spMkLst>
        </pc:spChg>
        <pc:spChg chg="mod">
          <ac:chgData name="Niamh Lacy-Roberts" userId="S::nlac_food.dtu.dk#ext#@dksund.onmicrosoft.com::d7748471-4d7b-47f1-ac78-98f12b5c1655" providerId="AD" clId="Web-{32E0505C-5FD5-43E1-9122-B2772C96E49C}" dt="2023-04-28T07:56:30.188" v="737" actId="20577"/>
          <ac:spMkLst>
            <pc:docMk/>
            <pc:sldMk cId="2862148383" sldId="325"/>
            <ac:spMk id="3" creationId="{CD83F880-8492-319B-457F-021DD666D181}"/>
          </ac:spMkLst>
        </pc:spChg>
        <pc:spChg chg="add del">
          <ac:chgData name="Niamh Lacy-Roberts" userId="S::nlac_food.dtu.dk#ext#@dksund.onmicrosoft.com::d7748471-4d7b-47f1-ac78-98f12b5c1655" providerId="AD" clId="Web-{32E0505C-5FD5-43E1-9122-B2772C96E49C}" dt="2023-04-28T07:56:02.203" v="713"/>
          <ac:spMkLst>
            <pc:docMk/>
            <pc:sldMk cId="2862148383" sldId="325"/>
            <ac:spMk id="6" creationId="{E22EB17C-8AF7-75D0-1DEA-82198459C3D3}"/>
          </ac:spMkLst>
        </pc:spChg>
      </pc:sldChg>
    </pc:docChg>
  </pc:docChgLst>
  <pc:docChgLst>
    <pc:chgData name="Lauge Holm Sørensen" userId="S::lahoso_food.dtu.dk#ext#@dksund.onmicrosoft.com::36edfa9c-897a-49e3-ab8c-b924de762b56" providerId="AD" clId="Web-{89A02AD4-412D-4070-9775-74DC3944847E}"/>
    <pc:docChg chg="delSld modSld sldOrd">
      <pc:chgData name="Lauge Holm Sørensen" userId="S::lahoso_food.dtu.dk#ext#@dksund.onmicrosoft.com::36edfa9c-897a-49e3-ab8c-b924de762b56" providerId="AD" clId="Web-{89A02AD4-412D-4070-9775-74DC3944847E}" dt="2023-04-27T14:07:38.125" v="1711"/>
      <pc:docMkLst>
        <pc:docMk/>
      </pc:docMkLst>
      <pc:sldChg chg="addSp delSp modSp ord">
        <pc:chgData name="Lauge Holm Sørensen" userId="S::lahoso_food.dtu.dk#ext#@dksund.onmicrosoft.com::36edfa9c-897a-49e3-ab8c-b924de762b56" providerId="AD" clId="Web-{89A02AD4-412D-4070-9775-74DC3944847E}" dt="2023-04-27T13:55:44.680" v="1137"/>
        <pc:sldMkLst>
          <pc:docMk/>
          <pc:sldMk cId="4223503101" sldId="264"/>
        </pc:sldMkLst>
        <pc:spChg chg="add del mod">
          <ac:chgData name="Lauge Holm Sørensen" userId="S::lahoso_food.dtu.dk#ext#@dksund.onmicrosoft.com::36edfa9c-897a-49e3-ab8c-b924de762b56" providerId="AD" clId="Web-{89A02AD4-412D-4070-9775-74DC3944847E}" dt="2023-04-27T12:49:28.433" v="2"/>
          <ac:spMkLst>
            <pc:docMk/>
            <pc:sldMk cId="4223503101" sldId="264"/>
            <ac:spMk id="3" creationId="{C430C6AE-8174-994A-F765-7C7914C74D59}"/>
          </ac:spMkLst>
        </pc:spChg>
        <pc:spChg chg="add mod">
          <ac:chgData name="Lauge Holm Sørensen" userId="S::lahoso_food.dtu.dk#ext#@dksund.onmicrosoft.com::36edfa9c-897a-49e3-ab8c-b924de762b56" providerId="AD" clId="Web-{89A02AD4-412D-4070-9775-74DC3944847E}" dt="2023-04-27T12:49:38.261" v="4" actId="1076"/>
          <ac:spMkLst>
            <pc:docMk/>
            <pc:sldMk cId="4223503101" sldId="264"/>
            <ac:spMk id="8" creationId="{8555EED9-FB5C-B563-4CAE-8DD231400AEF}"/>
          </ac:spMkLst>
        </pc:spChg>
      </pc:sldChg>
      <pc:sldChg chg="addSp delSp modSp ord">
        <pc:chgData name="Lauge Holm Sørensen" userId="S::lahoso_food.dtu.dk#ext#@dksund.onmicrosoft.com::36edfa9c-897a-49e3-ab8c-b924de762b56" providerId="AD" clId="Web-{89A02AD4-412D-4070-9775-74DC3944847E}" dt="2023-04-27T13:59:30.641" v="1455" actId="1076"/>
        <pc:sldMkLst>
          <pc:docMk/>
          <pc:sldMk cId="994672358" sldId="266"/>
        </pc:sldMkLst>
        <pc:spChg chg="add mod">
          <ac:chgData name="Lauge Holm Sørensen" userId="S::lahoso_food.dtu.dk#ext#@dksund.onmicrosoft.com::36edfa9c-897a-49e3-ab8c-b924de762b56" providerId="AD" clId="Web-{89A02AD4-412D-4070-9775-74DC3944847E}" dt="2023-04-27T13:09:08.517" v="345" actId="1076"/>
          <ac:spMkLst>
            <pc:docMk/>
            <pc:sldMk cId="994672358" sldId="266"/>
            <ac:spMk id="2" creationId="{6FEB92FA-1539-0E7A-D276-A5E4A7340758}"/>
          </ac:spMkLst>
        </pc:spChg>
        <pc:spChg chg="add mod">
          <ac:chgData name="Lauge Holm Sørensen" userId="S::lahoso_food.dtu.dk#ext#@dksund.onmicrosoft.com::36edfa9c-897a-49e3-ab8c-b924de762b56" providerId="AD" clId="Web-{89A02AD4-412D-4070-9775-74DC3944847E}" dt="2023-04-27T13:09:23.486" v="349" actId="1076"/>
          <ac:spMkLst>
            <pc:docMk/>
            <pc:sldMk cId="994672358" sldId="266"/>
            <ac:spMk id="3" creationId="{08648E40-DE82-40EF-D668-003F5B68122C}"/>
          </ac:spMkLst>
        </pc:spChg>
        <pc:spChg chg="mod">
          <ac:chgData name="Lauge Holm Sørensen" userId="S::lahoso_food.dtu.dk#ext#@dksund.onmicrosoft.com::36edfa9c-897a-49e3-ab8c-b924de762b56" providerId="AD" clId="Web-{89A02AD4-412D-4070-9775-74DC3944847E}" dt="2023-04-27T12:50:11.325" v="7" actId="20577"/>
          <ac:spMkLst>
            <pc:docMk/>
            <pc:sldMk cId="994672358" sldId="266"/>
            <ac:spMk id="5" creationId="{43AB9D89-4678-4B3C-8679-3E429EFBB2DD}"/>
          </ac:spMkLst>
        </pc:spChg>
        <pc:spChg chg="add mod">
          <ac:chgData name="Lauge Holm Sørensen" userId="S::lahoso_food.dtu.dk#ext#@dksund.onmicrosoft.com::36edfa9c-897a-49e3-ab8c-b924de762b56" providerId="AD" clId="Web-{89A02AD4-412D-4070-9775-74DC3944847E}" dt="2023-04-27T12:56:58.572" v="171" actId="20577"/>
          <ac:spMkLst>
            <pc:docMk/>
            <pc:sldMk cId="994672358" sldId="266"/>
            <ac:spMk id="8" creationId="{C0472AE2-0B6F-CDD6-602E-5175D95BEF88}"/>
          </ac:spMkLst>
        </pc:spChg>
        <pc:spChg chg="add mod">
          <ac:chgData name="Lauge Holm Sørensen" userId="S::lahoso_food.dtu.dk#ext#@dksund.onmicrosoft.com::36edfa9c-897a-49e3-ab8c-b924de762b56" providerId="AD" clId="Web-{89A02AD4-412D-4070-9775-74DC3944847E}" dt="2023-04-27T13:09:19.033" v="347" actId="1076"/>
          <ac:spMkLst>
            <pc:docMk/>
            <pc:sldMk cId="994672358" sldId="266"/>
            <ac:spMk id="10" creationId="{C8F574A6-13DE-E55F-CD26-94B94BD9C421}"/>
          </ac:spMkLst>
        </pc:spChg>
        <pc:spChg chg="add mod">
          <ac:chgData name="Lauge Holm Sørensen" userId="S::lahoso_food.dtu.dk#ext#@dksund.onmicrosoft.com::36edfa9c-897a-49e3-ab8c-b924de762b56" providerId="AD" clId="Web-{89A02AD4-412D-4070-9775-74DC3944847E}" dt="2023-04-27T13:59:30.641" v="1455" actId="1076"/>
          <ac:spMkLst>
            <pc:docMk/>
            <pc:sldMk cId="994672358" sldId="266"/>
            <ac:spMk id="11" creationId="{944F5050-FC92-74F6-8B7F-F59786D6B77E}"/>
          </ac:spMkLst>
        </pc:spChg>
        <pc:spChg chg="add mod">
          <ac:chgData name="Lauge Holm Sørensen" userId="S::lahoso_food.dtu.dk#ext#@dksund.onmicrosoft.com::36edfa9c-897a-49e3-ab8c-b924de762b56" providerId="AD" clId="Web-{89A02AD4-412D-4070-9775-74DC3944847E}" dt="2023-04-27T13:59:27.547" v="1454" actId="1076"/>
          <ac:spMkLst>
            <pc:docMk/>
            <pc:sldMk cId="994672358" sldId="266"/>
            <ac:spMk id="12" creationId="{EBD7B86B-92D5-CA61-88B8-B084E6107DC8}"/>
          </ac:spMkLst>
        </pc:spChg>
        <pc:picChg chg="add del mod">
          <ac:chgData name="Lauge Holm Sørensen" userId="S::lahoso_food.dtu.dk#ext#@dksund.onmicrosoft.com::36edfa9c-897a-49e3-ab8c-b924de762b56" providerId="AD" clId="Web-{89A02AD4-412D-4070-9775-74DC3944847E}" dt="2023-04-27T13:06:07.511" v="173"/>
          <ac:picMkLst>
            <pc:docMk/>
            <pc:sldMk cId="994672358" sldId="266"/>
            <ac:picMk id="6" creationId="{8E16588A-741F-22F5-13D9-62CE763F2FC9}"/>
          </ac:picMkLst>
        </pc:picChg>
        <pc:picChg chg="mod">
          <ac:chgData name="Lauge Holm Sørensen" userId="S::lahoso_food.dtu.dk#ext#@dksund.onmicrosoft.com::36edfa9c-897a-49e3-ab8c-b924de762b56" providerId="AD" clId="Web-{89A02AD4-412D-4070-9775-74DC3944847E}" dt="2023-04-27T13:09:26.423" v="350" actId="1076"/>
          <ac:picMkLst>
            <pc:docMk/>
            <pc:sldMk cId="994672358" sldId="266"/>
            <ac:picMk id="7" creationId="{00000000-0000-0000-0000-000000000000}"/>
          </ac:picMkLst>
        </pc:picChg>
        <pc:picChg chg="add mod">
          <ac:chgData name="Lauge Holm Sørensen" userId="S::lahoso_food.dtu.dk#ext#@dksund.onmicrosoft.com::36edfa9c-897a-49e3-ab8c-b924de762b56" providerId="AD" clId="Web-{89A02AD4-412D-4070-9775-74DC3944847E}" dt="2023-04-27T13:09:20.736" v="348" actId="1076"/>
          <ac:picMkLst>
            <pc:docMk/>
            <pc:sldMk cId="994672358" sldId="266"/>
            <ac:picMk id="9" creationId="{220C0DFA-AE5D-5F66-43F9-289A4EEFB35A}"/>
          </ac:picMkLst>
        </pc:picChg>
      </pc:sldChg>
      <pc:sldChg chg="modSp ord">
        <pc:chgData name="Lauge Holm Sørensen" userId="S::lahoso_food.dtu.dk#ext#@dksund.onmicrosoft.com::36edfa9c-897a-49e3-ab8c-b924de762b56" providerId="AD" clId="Web-{89A02AD4-412D-4070-9775-74DC3944847E}" dt="2023-04-27T14:02:13.724" v="1589" actId="20577"/>
        <pc:sldMkLst>
          <pc:docMk/>
          <pc:sldMk cId="1483027898" sldId="268"/>
        </pc:sldMkLst>
        <pc:spChg chg="mod">
          <ac:chgData name="Lauge Holm Sørensen" userId="S::lahoso_food.dtu.dk#ext#@dksund.onmicrosoft.com::36edfa9c-897a-49e3-ab8c-b924de762b56" providerId="AD" clId="Web-{89A02AD4-412D-4070-9775-74DC3944847E}" dt="2023-04-27T13:48:15.291" v="916" actId="20577"/>
          <ac:spMkLst>
            <pc:docMk/>
            <pc:sldMk cId="1483027898" sldId="268"/>
            <ac:spMk id="5" creationId="{43AB9D89-4678-4B3C-8679-3E429EFBB2DD}"/>
          </ac:spMkLst>
        </pc:spChg>
        <pc:spChg chg="mod">
          <ac:chgData name="Lauge Holm Sørensen" userId="S::lahoso_food.dtu.dk#ext#@dksund.onmicrosoft.com::36edfa9c-897a-49e3-ab8c-b924de762b56" providerId="AD" clId="Web-{89A02AD4-412D-4070-9775-74DC3944847E}" dt="2023-04-27T14:02:13.724" v="1589" actId="20577"/>
          <ac:spMkLst>
            <pc:docMk/>
            <pc:sldMk cId="1483027898" sldId="268"/>
            <ac:spMk id="6" creationId="{5A5890CD-8F90-4FE7-841F-F7B0C2865BA2}"/>
          </ac:spMkLst>
        </pc:spChg>
      </pc:sldChg>
      <pc:sldChg chg="modSp">
        <pc:chgData name="Lauge Holm Sørensen" userId="S::lahoso_food.dtu.dk#ext#@dksund.onmicrosoft.com::36edfa9c-897a-49e3-ab8c-b924de762b56" providerId="AD" clId="Web-{89A02AD4-412D-4070-9775-74DC3944847E}" dt="2023-04-27T14:07:05.593" v="1640" actId="20577"/>
        <pc:sldMkLst>
          <pc:docMk/>
          <pc:sldMk cId="1522583885" sldId="272"/>
        </pc:sldMkLst>
        <pc:spChg chg="mod">
          <ac:chgData name="Lauge Holm Sørensen" userId="S::lahoso_food.dtu.dk#ext#@dksund.onmicrosoft.com::36edfa9c-897a-49e3-ab8c-b924de762b56" providerId="AD" clId="Web-{89A02AD4-412D-4070-9775-74DC3944847E}" dt="2023-04-27T14:07:05.593" v="1640" actId="20577"/>
          <ac:spMkLst>
            <pc:docMk/>
            <pc:sldMk cId="1522583885" sldId="272"/>
            <ac:spMk id="5" creationId="{43AB9D89-4678-4B3C-8679-3E429EFBB2DD}"/>
          </ac:spMkLst>
        </pc:spChg>
      </pc:sldChg>
      <pc:sldChg chg="modSp">
        <pc:chgData name="Lauge Holm Sørensen" userId="S::lahoso_food.dtu.dk#ext#@dksund.onmicrosoft.com::36edfa9c-897a-49e3-ab8c-b924de762b56" providerId="AD" clId="Web-{89A02AD4-412D-4070-9775-74DC3944847E}" dt="2023-04-27T14:07:14.703" v="1663" actId="20577"/>
        <pc:sldMkLst>
          <pc:docMk/>
          <pc:sldMk cId="2997158266" sldId="273"/>
        </pc:sldMkLst>
        <pc:spChg chg="mod">
          <ac:chgData name="Lauge Holm Sørensen" userId="S::lahoso_food.dtu.dk#ext#@dksund.onmicrosoft.com::36edfa9c-897a-49e3-ab8c-b924de762b56" providerId="AD" clId="Web-{89A02AD4-412D-4070-9775-74DC3944847E}" dt="2023-04-27T14:07:14.703" v="1663" actId="20577"/>
          <ac:spMkLst>
            <pc:docMk/>
            <pc:sldMk cId="2997158266" sldId="273"/>
            <ac:spMk id="5" creationId="{43AB9D89-4678-4B3C-8679-3E429EFBB2DD}"/>
          </ac:spMkLst>
        </pc:spChg>
      </pc:sldChg>
      <pc:sldChg chg="modSp">
        <pc:chgData name="Lauge Holm Sørensen" userId="S::lahoso_food.dtu.dk#ext#@dksund.onmicrosoft.com::36edfa9c-897a-49e3-ab8c-b924de762b56" providerId="AD" clId="Web-{89A02AD4-412D-4070-9775-74DC3944847E}" dt="2023-04-27T14:07:19.359" v="1671" actId="20577"/>
        <pc:sldMkLst>
          <pc:docMk/>
          <pc:sldMk cId="3105538874" sldId="274"/>
        </pc:sldMkLst>
        <pc:spChg chg="mod">
          <ac:chgData name="Lauge Holm Sørensen" userId="S::lahoso_food.dtu.dk#ext#@dksund.onmicrosoft.com::36edfa9c-897a-49e3-ab8c-b924de762b56" providerId="AD" clId="Web-{89A02AD4-412D-4070-9775-74DC3944847E}" dt="2023-04-27T14:07:19.359" v="1671" actId="20577"/>
          <ac:spMkLst>
            <pc:docMk/>
            <pc:sldMk cId="3105538874" sldId="274"/>
            <ac:spMk id="5" creationId="{43AB9D89-4678-4B3C-8679-3E429EFBB2DD}"/>
          </ac:spMkLst>
        </pc:spChg>
      </pc:sldChg>
      <pc:sldChg chg="modSp">
        <pc:chgData name="Lauge Holm Sørensen" userId="S::lahoso_food.dtu.dk#ext#@dksund.onmicrosoft.com::36edfa9c-897a-49e3-ab8c-b924de762b56" providerId="AD" clId="Web-{89A02AD4-412D-4070-9775-74DC3944847E}" dt="2023-04-27T14:07:33.453" v="1686" actId="20577"/>
        <pc:sldMkLst>
          <pc:docMk/>
          <pc:sldMk cId="1774019122" sldId="275"/>
        </pc:sldMkLst>
        <pc:spChg chg="mod">
          <ac:chgData name="Lauge Holm Sørensen" userId="S::lahoso_food.dtu.dk#ext#@dksund.onmicrosoft.com::36edfa9c-897a-49e3-ab8c-b924de762b56" providerId="AD" clId="Web-{89A02AD4-412D-4070-9775-74DC3944847E}" dt="2023-04-27T14:07:33.453" v="1686" actId="20577"/>
          <ac:spMkLst>
            <pc:docMk/>
            <pc:sldMk cId="1774019122" sldId="275"/>
            <ac:spMk id="5" creationId="{43AB9D89-4678-4B3C-8679-3E429EFBB2DD}"/>
          </ac:spMkLst>
        </pc:spChg>
      </pc:sldChg>
      <pc:sldChg chg="del">
        <pc:chgData name="Lauge Holm Sørensen" userId="S::lahoso_food.dtu.dk#ext#@dksund.onmicrosoft.com::36edfa9c-897a-49e3-ab8c-b924de762b56" providerId="AD" clId="Web-{89A02AD4-412D-4070-9775-74DC3944847E}" dt="2023-04-27T14:07:38.125" v="1711"/>
        <pc:sldMkLst>
          <pc:docMk/>
          <pc:sldMk cId="2443633372" sldId="276"/>
        </pc:sldMkLst>
      </pc:sldChg>
      <pc:sldChg chg="del">
        <pc:chgData name="Lauge Holm Sørensen" userId="S::lahoso_food.dtu.dk#ext#@dksund.onmicrosoft.com::36edfa9c-897a-49e3-ab8c-b924de762b56" providerId="AD" clId="Web-{89A02AD4-412D-4070-9775-74DC3944847E}" dt="2023-04-27T14:07:38.110" v="1710"/>
        <pc:sldMkLst>
          <pc:docMk/>
          <pc:sldMk cId="3686672975" sldId="277"/>
        </pc:sldMkLst>
      </pc:sldChg>
      <pc:sldChg chg="del">
        <pc:chgData name="Lauge Holm Sørensen" userId="S::lahoso_food.dtu.dk#ext#@dksund.onmicrosoft.com::36edfa9c-897a-49e3-ab8c-b924de762b56" providerId="AD" clId="Web-{89A02AD4-412D-4070-9775-74DC3944847E}" dt="2023-04-27T14:07:38.110" v="1709"/>
        <pc:sldMkLst>
          <pc:docMk/>
          <pc:sldMk cId="433382118" sldId="278"/>
        </pc:sldMkLst>
      </pc:sldChg>
      <pc:sldChg chg="del">
        <pc:chgData name="Lauge Holm Sørensen" userId="S::lahoso_food.dtu.dk#ext#@dksund.onmicrosoft.com::36edfa9c-897a-49e3-ab8c-b924de762b56" providerId="AD" clId="Web-{89A02AD4-412D-4070-9775-74DC3944847E}" dt="2023-04-27T14:07:38.110" v="1708"/>
        <pc:sldMkLst>
          <pc:docMk/>
          <pc:sldMk cId="3385236197" sldId="279"/>
        </pc:sldMkLst>
      </pc:sldChg>
      <pc:sldChg chg="del">
        <pc:chgData name="Lauge Holm Sørensen" userId="S::lahoso_food.dtu.dk#ext#@dksund.onmicrosoft.com::36edfa9c-897a-49e3-ab8c-b924de762b56" providerId="AD" clId="Web-{89A02AD4-412D-4070-9775-74DC3944847E}" dt="2023-04-27T14:07:38.110" v="1707"/>
        <pc:sldMkLst>
          <pc:docMk/>
          <pc:sldMk cId="1486363126" sldId="280"/>
        </pc:sldMkLst>
      </pc:sldChg>
      <pc:sldChg chg="del">
        <pc:chgData name="Lauge Holm Sørensen" userId="S::lahoso_food.dtu.dk#ext#@dksund.onmicrosoft.com::36edfa9c-897a-49e3-ab8c-b924de762b56" providerId="AD" clId="Web-{89A02AD4-412D-4070-9775-74DC3944847E}" dt="2023-04-27T14:07:38.110" v="1706"/>
        <pc:sldMkLst>
          <pc:docMk/>
          <pc:sldMk cId="3831177623" sldId="281"/>
        </pc:sldMkLst>
      </pc:sldChg>
      <pc:sldChg chg="del">
        <pc:chgData name="Lauge Holm Sørensen" userId="S::lahoso_food.dtu.dk#ext#@dksund.onmicrosoft.com::36edfa9c-897a-49e3-ab8c-b924de762b56" providerId="AD" clId="Web-{89A02AD4-412D-4070-9775-74DC3944847E}" dt="2023-04-27T14:07:38.110" v="1705"/>
        <pc:sldMkLst>
          <pc:docMk/>
          <pc:sldMk cId="479521899" sldId="282"/>
        </pc:sldMkLst>
      </pc:sldChg>
      <pc:sldChg chg="del">
        <pc:chgData name="Lauge Holm Sørensen" userId="S::lahoso_food.dtu.dk#ext#@dksund.onmicrosoft.com::36edfa9c-897a-49e3-ab8c-b924de762b56" providerId="AD" clId="Web-{89A02AD4-412D-4070-9775-74DC3944847E}" dt="2023-04-27T14:07:38.094" v="1704"/>
        <pc:sldMkLst>
          <pc:docMk/>
          <pc:sldMk cId="3273885965" sldId="283"/>
        </pc:sldMkLst>
      </pc:sldChg>
      <pc:sldChg chg="del">
        <pc:chgData name="Lauge Holm Sørensen" userId="S::lahoso_food.dtu.dk#ext#@dksund.onmicrosoft.com::36edfa9c-897a-49e3-ab8c-b924de762b56" providerId="AD" clId="Web-{89A02AD4-412D-4070-9775-74DC3944847E}" dt="2023-04-27T14:07:38.094" v="1703"/>
        <pc:sldMkLst>
          <pc:docMk/>
          <pc:sldMk cId="757231074" sldId="284"/>
        </pc:sldMkLst>
      </pc:sldChg>
      <pc:sldChg chg="del">
        <pc:chgData name="Lauge Holm Sørensen" userId="S::lahoso_food.dtu.dk#ext#@dksund.onmicrosoft.com::36edfa9c-897a-49e3-ab8c-b924de762b56" providerId="AD" clId="Web-{89A02AD4-412D-4070-9775-74DC3944847E}" dt="2023-04-27T14:07:38.094" v="1702"/>
        <pc:sldMkLst>
          <pc:docMk/>
          <pc:sldMk cId="884134530" sldId="285"/>
        </pc:sldMkLst>
      </pc:sldChg>
      <pc:sldChg chg="del">
        <pc:chgData name="Lauge Holm Sørensen" userId="S::lahoso_food.dtu.dk#ext#@dksund.onmicrosoft.com::36edfa9c-897a-49e3-ab8c-b924de762b56" providerId="AD" clId="Web-{89A02AD4-412D-4070-9775-74DC3944847E}" dt="2023-04-27T14:07:38.094" v="1701"/>
        <pc:sldMkLst>
          <pc:docMk/>
          <pc:sldMk cId="832101654" sldId="286"/>
        </pc:sldMkLst>
      </pc:sldChg>
      <pc:sldChg chg="del">
        <pc:chgData name="Lauge Holm Sørensen" userId="S::lahoso_food.dtu.dk#ext#@dksund.onmicrosoft.com::36edfa9c-897a-49e3-ab8c-b924de762b56" providerId="AD" clId="Web-{89A02AD4-412D-4070-9775-74DC3944847E}" dt="2023-04-27T14:07:38.094" v="1700"/>
        <pc:sldMkLst>
          <pc:docMk/>
          <pc:sldMk cId="3229328548" sldId="287"/>
        </pc:sldMkLst>
      </pc:sldChg>
      <pc:sldChg chg="del">
        <pc:chgData name="Lauge Holm Sørensen" userId="S::lahoso_food.dtu.dk#ext#@dksund.onmicrosoft.com::36edfa9c-897a-49e3-ab8c-b924de762b56" providerId="AD" clId="Web-{89A02AD4-412D-4070-9775-74DC3944847E}" dt="2023-04-27T14:07:38.094" v="1699"/>
        <pc:sldMkLst>
          <pc:docMk/>
          <pc:sldMk cId="1129527711" sldId="288"/>
        </pc:sldMkLst>
      </pc:sldChg>
      <pc:sldChg chg="del">
        <pc:chgData name="Lauge Holm Sørensen" userId="S::lahoso_food.dtu.dk#ext#@dksund.onmicrosoft.com::36edfa9c-897a-49e3-ab8c-b924de762b56" providerId="AD" clId="Web-{89A02AD4-412D-4070-9775-74DC3944847E}" dt="2023-04-27T14:07:38.094" v="1698"/>
        <pc:sldMkLst>
          <pc:docMk/>
          <pc:sldMk cId="1735583459" sldId="289"/>
        </pc:sldMkLst>
      </pc:sldChg>
      <pc:sldChg chg="del">
        <pc:chgData name="Lauge Holm Sørensen" userId="S::lahoso_food.dtu.dk#ext#@dksund.onmicrosoft.com::36edfa9c-897a-49e3-ab8c-b924de762b56" providerId="AD" clId="Web-{89A02AD4-412D-4070-9775-74DC3944847E}" dt="2023-04-27T14:07:38.079" v="1697"/>
        <pc:sldMkLst>
          <pc:docMk/>
          <pc:sldMk cId="414015436" sldId="290"/>
        </pc:sldMkLst>
      </pc:sldChg>
      <pc:sldChg chg="del">
        <pc:chgData name="Lauge Holm Sørensen" userId="S::lahoso_food.dtu.dk#ext#@dksund.onmicrosoft.com::36edfa9c-897a-49e3-ab8c-b924de762b56" providerId="AD" clId="Web-{89A02AD4-412D-4070-9775-74DC3944847E}" dt="2023-04-27T14:07:38.079" v="1696"/>
        <pc:sldMkLst>
          <pc:docMk/>
          <pc:sldMk cId="3861520415" sldId="291"/>
        </pc:sldMkLst>
      </pc:sldChg>
      <pc:sldChg chg="del">
        <pc:chgData name="Lauge Holm Sørensen" userId="S::lahoso_food.dtu.dk#ext#@dksund.onmicrosoft.com::36edfa9c-897a-49e3-ab8c-b924de762b56" providerId="AD" clId="Web-{89A02AD4-412D-4070-9775-74DC3944847E}" dt="2023-04-27T14:07:38.079" v="1695"/>
        <pc:sldMkLst>
          <pc:docMk/>
          <pc:sldMk cId="485249048" sldId="292"/>
        </pc:sldMkLst>
      </pc:sldChg>
      <pc:sldChg chg="del">
        <pc:chgData name="Lauge Holm Sørensen" userId="S::lahoso_food.dtu.dk#ext#@dksund.onmicrosoft.com::36edfa9c-897a-49e3-ab8c-b924de762b56" providerId="AD" clId="Web-{89A02AD4-412D-4070-9775-74DC3944847E}" dt="2023-04-27T14:07:38.079" v="1694"/>
        <pc:sldMkLst>
          <pc:docMk/>
          <pc:sldMk cId="1929459782" sldId="293"/>
        </pc:sldMkLst>
      </pc:sldChg>
      <pc:sldChg chg="del">
        <pc:chgData name="Lauge Holm Sørensen" userId="S::lahoso_food.dtu.dk#ext#@dksund.onmicrosoft.com::36edfa9c-897a-49e3-ab8c-b924de762b56" providerId="AD" clId="Web-{89A02AD4-412D-4070-9775-74DC3944847E}" dt="2023-04-27T14:07:38.079" v="1693"/>
        <pc:sldMkLst>
          <pc:docMk/>
          <pc:sldMk cId="2773060099" sldId="294"/>
        </pc:sldMkLst>
      </pc:sldChg>
      <pc:sldChg chg="del">
        <pc:chgData name="Lauge Holm Sørensen" userId="S::lahoso_food.dtu.dk#ext#@dksund.onmicrosoft.com::36edfa9c-897a-49e3-ab8c-b924de762b56" providerId="AD" clId="Web-{89A02AD4-412D-4070-9775-74DC3944847E}" dt="2023-04-27T14:07:38.079" v="1692"/>
        <pc:sldMkLst>
          <pc:docMk/>
          <pc:sldMk cId="2679928514" sldId="295"/>
        </pc:sldMkLst>
      </pc:sldChg>
      <pc:sldChg chg="del">
        <pc:chgData name="Lauge Holm Sørensen" userId="S::lahoso_food.dtu.dk#ext#@dksund.onmicrosoft.com::36edfa9c-897a-49e3-ab8c-b924de762b56" providerId="AD" clId="Web-{89A02AD4-412D-4070-9775-74DC3944847E}" dt="2023-04-27T14:07:38.063" v="1691"/>
        <pc:sldMkLst>
          <pc:docMk/>
          <pc:sldMk cId="1730819598" sldId="296"/>
        </pc:sldMkLst>
      </pc:sldChg>
      <pc:sldChg chg="del">
        <pc:chgData name="Lauge Holm Sørensen" userId="S::lahoso_food.dtu.dk#ext#@dksund.onmicrosoft.com::36edfa9c-897a-49e3-ab8c-b924de762b56" providerId="AD" clId="Web-{89A02AD4-412D-4070-9775-74DC3944847E}" dt="2023-04-27T14:07:38.063" v="1690"/>
        <pc:sldMkLst>
          <pc:docMk/>
          <pc:sldMk cId="17112958" sldId="297"/>
        </pc:sldMkLst>
      </pc:sldChg>
      <pc:sldChg chg="del">
        <pc:chgData name="Lauge Holm Sørensen" userId="S::lahoso_food.dtu.dk#ext#@dksund.onmicrosoft.com::36edfa9c-897a-49e3-ab8c-b924de762b56" providerId="AD" clId="Web-{89A02AD4-412D-4070-9775-74DC3944847E}" dt="2023-04-27T14:07:38.063" v="1689"/>
        <pc:sldMkLst>
          <pc:docMk/>
          <pc:sldMk cId="3049651879" sldId="298"/>
        </pc:sldMkLst>
      </pc:sldChg>
      <pc:sldChg chg="del">
        <pc:chgData name="Lauge Holm Sørensen" userId="S::lahoso_food.dtu.dk#ext#@dksund.onmicrosoft.com::36edfa9c-897a-49e3-ab8c-b924de762b56" providerId="AD" clId="Web-{89A02AD4-412D-4070-9775-74DC3944847E}" dt="2023-04-27T14:07:38.063" v="1688"/>
        <pc:sldMkLst>
          <pc:docMk/>
          <pc:sldMk cId="2715527282" sldId="299"/>
        </pc:sldMkLst>
      </pc:sldChg>
      <pc:sldChg chg="del">
        <pc:chgData name="Lauge Holm Sørensen" userId="S::lahoso_food.dtu.dk#ext#@dksund.onmicrosoft.com::36edfa9c-897a-49e3-ab8c-b924de762b56" providerId="AD" clId="Web-{89A02AD4-412D-4070-9775-74DC3944847E}" dt="2023-04-27T14:07:38.063" v="1687"/>
        <pc:sldMkLst>
          <pc:docMk/>
          <pc:sldMk cId="970236738" sldId="300"/>
        </pc:sldMkLst>
      </pc:sldChg>
      <pc:sldChg chg="del">
        <pc:chgData name="Lauge Holm Sørensen" userId="S::lahoso_food.dtu.dk#ext#@dksund.onmicrosoft.com::36edfa9c-897a-49e3-ab8c-b924de762b56" providerId="AD" clId="Web-{89A02AD4-412D-4070-9775-74DC3944847E}" dt="2023-04-27T14:00:06.158" v="1471"/>
        <pc:sldMkLst>
          <pc:docMk/>
          <pc:sldMk cId="3831022149" sldId="301"/>
        </pc:sldMkLst>
      </pc:sldChg>
      <pc:sldChg chg="del">
        <pc:chgData name="Lauge Holm Sørensen" userId="S::lahoso_food.dtu.dk#ext#@dksund.onmicrosoft.com::36edfa9c-897a-49e3-ab8c-b924de762b56" providerId="AD" clId="Web-{89A02AD4-412D-4070-9775-74DC3944847E}" dt="2023-04-27T14:00:06.158" v="1470"/>
        <pc:sldMkLst>
          <pc:docMk/>
          <pc:sldMk cId="483562247" sldId="302"/>
        </pc:sldMkLst>
      </pc:sldChg>
      <pc:sldChg chg="del">
        <pc:chgData name="Lauge Holm Sørensen" userId="S::lahoso_food.dtu.dk#ext#@dksund.onmicrosoft.com::36edfa9c-897a-49e3-ab8c-b924de762b56" providerId="AD" clId="Web-{89A02AD4-412D-4070-9775-74DC3944847E}" dt="2023-04-27T14:00:06.158" v="1469"/>
        <pc:sldMkLst>
          <pc:docMk/>
          <pc:sldMk cId="1672127394" sldId="303"/>
        </pc:sldMkLst>
      </pc:sldChg>
      <pc:sldChg chg="del">
        <pc:chgData name="Lauge Holm Sørensen" userId="S::lahoso_food.dtu.dk#ext#@dksund.onmicrosoft.com::36edfa9c-897a-49e3-ab8c-b924de762b56" providerId="AD" clId="Web-{89A02AD4-412D-4070-9775-74DC3944847E}" dt="2023-04-27T14:00:06.158" v="1468"/>
        <pc:sldMkLst>
          <pc:docMk/>
          <pc:sldMk cId="1433804388" sldId="304"/>
        </pc:sldMkLst>
      </pc:sldChg>
      <pc:sldChg chg="del">
        <pc:chgData name="Lauge Holm Sørensen" userId="S::lahoso_food.dtu.dk#ext#@dksund.onmicrosoft.com::36edfa9c-897a-49e3-ab8c-b924de762b56" providerId="AD" clId="Web-{89A02AD4-412D-4070-9775-74DC3944847E}" dt="2023-04-27T14:00:06.158" v="1467"/>
        <pc:sldMkLst>
          <pc:docMk/>
          <pc:sldMk cId="2588190213" sldId="305"/>
        </pc:sldMkLst>
      </pc:sldChg>
      <pc:sldChg chg="del">
        <pc:chgData name="Lauge Holm Sørensen" userId="S::lahoso_food.dtu.dk#ext#@dksund.onmicrosoft.com::36edfa9c-897a-49e3-ab8c-b924de762b56" providerId="AD" clId="Web-{89A02AD4-412D-4070-9775-74DC3944847E}" dt="2023-04-27T14:00:06.158" v="1466"/>
        <pc:sldMkLst>
          <pc:docMk/>
          <pc:sldMk cId="3873353719" sldId="306"/>
        </pc:sldMkLst>
      </pc:sldChg>
      <pc:sldChg chg="del">
        <pc:chgData name="Lauge Holm Sørensen" userId="S::lahoso_food.dtu.dk#ext#@dksund.onmicrosoft.com::36edfa9c-897a-49e3-ab8c-b924de762b56" providerId="AD" clId="Web-{89A02AD4-412D-4070-9775-74DC3944847E}" dt="2023-04-27T14:00:06.142" v="1465"/>
        <pc:sldMkLst>
          <pc:docMk/>
          <pc:sldMk cId="723272578" sldId="307"/>
        </pc:sldMkLst>
      </pc:sldChg>
      <pc:sldChg chg="del">
        <pc:chgData name="Lauge Holm Sørensen" userId="S::lahoso_food.dtu.dk#ext#@dksund.onmicrosoft.com::36edfa9c-897a-49e3-ab8c-b924de762b56" providerId="AD" clId="Web-{89A02AD4-412D-4070-9775-74DC3944847E}" dt="2023-04-27T14:00:06.142" v="1464"/>
        <pc:sldMkLst>
          <pc:docMk/>
          <pc:sldMk cId="301809902" sldId="308"/>
        </pc:sldMkLst>
      </pc:sldChg>
      <pc:sldChg chg="del">
        <pc:chgData name="Lauge Holm Sørensen" userId="S::lahoso_food.dtu.dk#ext#@dksund.onmicrosoft.com::36edfa9c-897a-49e3-ab8c-b924de762b56" providerId="AD" clId="Web-{89A02AD4-412D-4070-9775-74DC3944847E}" dt="2023-04-27T14:00:06.142" v="1463"/>
        <pc:sldMkLst>
          <pc:docMk/>
          <pc:sldMk cId="2105316238" sldId="309"/>
        </pc:sldMkLst>
      </pc:sldChg>
      <pc:sldChg chg="del">
        <pc:chgData name="Lauge Holm Sørensen" userId="S::lahoso_food.dtu.dk#ext#@dksund.onmicrosoft.com::36edfa9c-897a-49e3-ab8c-b924de762b56" providerId="AD" clId="Web-{89A02AD4-412D-4070-9775-74DC3944847E}" dt="2023-04-27T14:00:06.142" v="1462"/>
        <pc:sldMkLst>
          <pc:docMk/>
          <pc:sldMk cId="3470994486" sldId="310"/>
        </pc:sldMkLst>
      </pc:sldChg>
      <pc:sldChg chg="del">
        <pc:chgData name="Lauge Holm Sørensen" userId="S::lahoso_food.dtu.dk#ext#@dksund.onmicrosoft.com::36edfa9c-897a-49e3-ab8c-b924de762b56" providerId="AD" clId="Web-{89A02AD4-412D-4070-9775-74DC3944847E}" dt="2023-04-27T14:00:06.142" v="1461"/>
        <pc:sldMkLst>
          <pc:docMk/>
          <pc:sldMk cId="1847795746" sldId="311"/>
        </pc:sldMkLst>
      </pc:sldChg>
      <pc:sldChg chg="del">
        <pc:chgData name="Lauge Holm Sørensen" userId="S::lahoso_food.dtu.dk#ext#@dksund.onmicrosoft.com::36edfa9c-897a-49e3-ab8c-b924de762b56" providerId="AD" clId="Web-{89A02AD4-412D-4070-9775-74DC3944847E}" dt="2023-04-27T14:00:06.142" v="1460"/>
        <pc:sldMkLst>
          <pc:docMk/>
          <pc:sldMk cId="843967971" sldId="312"/>
        </pc:sldMkLst>
      </pc:sldChg>
      <pc:sldChg chg="del">
        <pc:chgData name="Lauge Holm Sørensen" userId="S::lahoso_food.dtu.dk#ext#@dksund.onmicrosoft.com::36edfa9c-897a-49e3-ab8c-b924de762b56" providerId="AD" clId="Web-{89A02AD4-412D-4070-9775-74DC3944847E}" dt="2023-04-27T14:00:06.126" v="1459"/>
        <pc:sldMkLst>
          <pc:docMk/>
          <pc:sldMk cId="2183446115" sldId="313"/>
        </pc:sldMkLst>
      </pc:sldChg>
      <pc:sldChg chg="del">
        <pc:chgData name="Lauge Holm Sørensen" userId="S::lahoso_food.dtu.dk#ext#@dksund.onmicrosoft.com::36edfa9c-897a-49e3-ab8c-b924de762b56" providerId="AD" clId="Web-{89A02AD4-412D-4070-9775-74DC3944847E}" dt="2023-04-27T14:00:06.126" v="1458"/>
        <pc:sldMkLst>
          <pc:docMk/>
          <pc:sldMk cId="1695071027" sldId="314"/>
        </pc:sldMkLst>
      </pc:sldChg>
      <pc:sldChg chg="del">
        <pc:chgData name="Lauge Holm Sørensen" userId="S::lahoso_food.dtu.dk#ext#@dksund.onmicrosoft.com::36edfa9c-897a-49e3-ab8c-b924de762b56" providerId="AD" clId="Web-{89A02AD4-412D-4070-9775-74DC3944847E}" dt="2023-04-27T14:00:06.126" v="1457"/>
        <pc:sldMkLst>
          <pc:docMk/>
          <pc:sldMk cId="3911211344" sldId="315"/>
        </pc:sldMkLst>
      </pc:sldChg>
      <pc:sldChg chg="del">
        <pc:chgData name="Lauge Holm Sørensen" userId="S::lahoso_food.dtu.dk#ext#@dksund.onmicrosoft.com::36edfa9c-897a-49e3-ab8c-b924de762b56" providerId="AD" clId="Web-{89A02AD4-412D-4070-9775-74DC3944847E}" dt="2023-04-27T14:00:06.126" v="1456"/>
        <pc:sldMkLst>
          <pc:docMk/>
          <pc:sldMk cId="1010803008" sldId="316"/>
        </pc:sldMkLst>
      </pc:sldChg>
    </pc:docChg>
  </pc:docChgLst>
  <pc:docChgLst>
    <pc:chgData name="Niamh Lacy-Roberts" userId="S::nlac_food.dtu.dk#ext#@dksund.onmicrosoft.com::d7748471-4d7b-47f1-ac78-98f12b5c1655" providerId="AD" clId="Web-{739E48D1-96D4-4FCA-AB04-BCC7716252A3}"/>
    <pc:docChg chg="modSld">
      <pc:chgData name="Niamh Lacy-Roberts" userId="S::nlac_food.dtu.dk#ext#@dksund.onmicrosoft.com::d7748471-4d7b-47f1-ac78-98f12b5c1655" providerId="AD" clId="Web-{739E48D1-96D4-4FCA-AB04-BCC7716252A3}" dt="2023-04-28T06:38:50.864" v="1" actId="20577"/>
      <pc:docMkLst>
        <pc:docMk/>
      </pc:docMkLst>
      <pc:sldChg chg="modSp">
        <pc:chgData name="Niamh Lacy-Roberts" userId="S::nlac_food.dtu.dk#ext#@dksund.onmicrosoft.com::d7748471-4d7b-47f1-ac78-98f12b5c1655" providerId="AD" clId="Web-{739E48D1-96D4-4FCA-AB04-BCC7716252A3}" dt="2023-04-28T06:38:50.864" v="1" actId="20577"/>
        <pc:sldMkLst>
          <pc:docMk/>
          <pc:sldMk cId="1695720078" sldId="270"/>
        </pc:sldMkLst>
        <pc:spChg chg="mod">
          <ac:chgData name="Niamh Lacy-Roberts" userId="S::nlac_food.dtu.dk#ext#@dksund.onmicrosoft.com::d7748471-4d7b-47f1-ac78-98f12b5c1655" providerId="AD" clId="Web-{739E48D1-96D4-4FCA-AB04-BCC7716252A3}" dt="2023-04-28T06:38:50.864" v="1" actId="20577"/>
          <ac:spMkLst>
            <pc:docMk/>
            <pc:sldMk cId="1695720078" sldId="270"/>
            <ac:spMk id="6" creationId="{5A5890CD-8F90-4FE7-841F-F7B0C2865BA2}"/>
          </ac:spMkLst>
        </pc:spChg>
      </pc:sldChg>
    </pc:docChg>
  </pc:docChgLst>
  <pc:docChgLst>
    <pc:chgData name="Niamh Lacy-Roberts" userId="S::nlac_food.dtu.dk#ext#@dksund.onmicrosoft.com::d7748471-4d7b-47f1-ac78-98f12b5c1655" providerId="AD" clId="Web-{D4D3B2DA-DC32-43EB-AC0E-6A3B013D18C4}"/>
    <pc:docChg chg="modSld">
      <pc:chgData name="Niamh Lacy-Roberts" userId="S::nlac_food.dtu.dk#ext#@dksund.onmicrosoft.com::d7748471-4d7b-47f1-ac78-98f12b5c1655" providerId="AD" clId="Web-{D4D3B2DA-DC32-43EB-AC0E-6A3B013D18C4}" dt="2023-04-27T13:03:04.588" v="247"/>
      <pc:docMkLst>
        <pc:docMk/>
      </pc:docMkLst>
      <pc:sldChg chg="modSp">
        <pc:chgData name="Niamh Lacy-Roberts" userId="S::nlac_food.dtu.dk#ext#@dksund.onmicrosoft.com::d7748471-4d7b-47f1-ac78-98f12b5c1655" providerId="AD" clId="Web-{D4D3B2DA-DC32-43EB-AC0E-6A3B013D18C4}" dt="2023-04-27T12:51:37.535" v="4" actId="20577"/>
        <pc:sldMkLst>
          <pc:docMk/>
          <pc:sldMk cId="2320714135" sldId="260"/>
        </pc:sldMkLst>
        <pc:spChg chg="mod">
          <ac:chgData name="Niamh Lacy-Roberts" userId="S::nlac_food.dtu.dk#ext#@dksund.onmicrosoft.com::d7748471-4d7b-47f1-ac78-98f12b5c1655" providerId="AD" clId="Web-{D4D3B2DA-DC32-43EB-AC0E-6A3B013D18C4}" dt="2023-04-27T12:51:37.535" v="4" actId="20577"/>
          <ac:spMkLst>
            <pc:docMk/>
            <pc:sldMk cId="2320714135" sldId="260"/>
            <ac:spMk id="5" creationId="{88CE6942-A17C-4247-86C6-41FACF7E90AC}"/>
          </ac:spMkLst>
        </pc:spChg>
      </pc:sldChg>
      <pc:sldChg chg="modSp">
        <pc:chgData name="Niamh Lacy-Roberts" userId="S::nlac_food.dtu.dk#ext#@dksund.onmicrosoft.com::d7748471-4d7b-47f1-ac78-98f12b5c1655" providerId="AD" clId="Web-{D4D3B2DA-DC32-43EB-AC0E-6A3B013D18C4}" dt="2023-04-27T12:53:38.646" v="16" actId="20577"/>
        <pc:sldMkLst>
          <pc:docMk/>
          <pc:sldMk cId="3923957460" sldId="263"/>
        </pc:sldMkLst>
        <pc:spChg chg="mod">
          <ac:chgData name="Niamh Lacy-Roberts" userId="S::nlac_food.dtu.dk#ext#@dksund.onmicrosoft.com::d7748471-4d7b-47f1-ac78-98f12b5c1655" providerId="AD" clId="Web-{D4D3B2DA-DC32-43EB-AC0E-6A3B013D18C4}" dt="2023-04-27T12:53:38.646" v="16" actId="20577"/>
          <ac:spMkLst>
            <pc:docMk/>
            <pc:sldMk cId="3923957460" sldId="263"/>
            <ac:spMk id="6" creationId="{5A5890CD-8F90-4FE7-841F-F7B0C2865BA2}"/>
          </ac:spMkLst>
        </pc:spChg>
      </pc:sldChg>
      <pc:sldChg chg="addSp modSp">
        <pc:chgData name="Niamh Lacy-Roberts" userId="S::nlac_food.dtu.dk#ext#@dksund.onmicrosoft.com::d7748471-4d7b-47f1-ac78-98f12b5c1655" providerId="AD" clId="Web-{D4D3B2DA-DC32-43EB-AC0E-6A3B013D18C4}" dt="2023-04-27T13:03:04.588" v="247"/>
        <pc:sldMkLst>
          <pc:docMk/>
          <pc:sldMk cId="20127242" sldId="265"/>
        </pc:sldMkLst>
        <pc:spChg chg="add">
          <ac:chgData name="Niamh Lacy-Roberts" userId="S::nlac_food.dtu.dk#ext#@dksund.onmicrosoft.com::d7748471-4d7b-47f1-ac78-98f12b5c1655" providerId="AD" clId="Web-{D4D3B2DA-DC32-43EB-AC0E-6A3B013D18C4}" dt="2023-04-27T13:03:04.588" v="247"/>
          <ac:spMkLst>
            <pc:docMk/>
            <pc:sldMk cId="20127242" sldId="265"/>
            <ac:spMk id="2" creationId="{793B6433-83A3-6860-1B7C-1DA2100068CD}"/>
          </ac:spMkLst>
        </pc:spChg>
        <pc:spChg chg="mod">
          <ac:chgData name="Niamh Lacy-Roberts" userId="S::nlac_food.dtu.dk#ext#@dksund.onmicrosoft.com::d7748471-4d7b-47f1-ac78-98f12b5c1655" providerId="AD" clId="Web-{D4D3B2DA-DC32-43EB-AC0E-6A3B013D18C4}" dt="2023-04-27T12:55:06.021" v="23" actId="20577"/>
          <ac:spMkLst>
            <pc:docMk/>
            <pc:sldMk cId="20127242" sldId="265"/>
            <ac:spMk id="5" creationId="{43AB9D89-4678-4B3C-8679-3E429EFBB2DD}"/>
          </ac:spMkLst>
        </pc:spChg>
        <pc:spChg chg="mod">
          <ac:chgData name="Niamh Lacy-Roberts" userId="S::nlac_food.dtu.dk#ext#@dksund.onmicrosoft.com::d7748471-4d7b-47f1-ac78-98f12b5c1655" providerId="AD" clId="Web-{D4D3B2DA-DC32-43EB-AC0E-6A3B013D18C4}" dt="2023-04-27T13:02:31.916" v="246" actId="20577"/>
          <ac:spMkLst>
            <pc:docMk/>
            <pc:sldMk cId="20127242" sldId="265"/>
            <ac:spMk id="6" creationId="{5A5890CD-8F90-4FE7-841F-F7B0C2865BA2}"/>
          </ac:spMkLst>
        </pc:spChg>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E9EF2A9-8552-48E9-B742-051047FF8904}" type="doc">
      <dgm:prSet loTypeId="urn:microsoft.com/office/officeart/2005/8/layout/process1" loCatId="process" qsTypeId="urn:microsoft.com/office/officeart/2005/8/quickstyle/simple1" qsCatId="simple" csTypeId="urn:microsoft.com/office/officeart/2005/8/colors/accent0_1" csCatId="mainScheme" phldr="1"/>
      <dgm:spPr/>
    </dgm:pt>
    <dgm:pt modelId="{7FAB60BD-CE96-467A-8B14-A0BAA0B77107}">
      <dgm:prSet phldrT="[Text]" custT="1"/>
      <dgm:spPr/>
      <dgm:t>
        <a:bodyPr/>
        <a:lstStyle/>
        <a:p>
          <a:r>
            <a:rPr lang="en-US" sz="1050" noProof="0"/>
            <a:t>DNA extraction</a:t>
          </a:r>
        </a:p>
      </dgm:t>
    </dgm:pt>
    <dgm:pt modelId="{42F9782B-E8D6-4902-A722-50E3A1BA3AB4}" type="parTrans" cxnId="{4190255B-BD5F-409A-B94A-BA376B6F4A49}">
      <dgm:prSet/>
      <dgm:spPr/>
      <dgm:t>
        <a:bodyPr/>
        <a:lstStyle/>
        <a:p>
          <a:endParaRPr lang="da-DK" sz="2400"/>
        </a:p>
      </dgm:t>
    </dgm:pt>
    <dgm:pt modelId="{872C7A10-66B6-4C06-8EE4-773306EBF2A5}" type="sibTrans" cxnId="{4190255B-BD5F-409A-B94A-BA376B6F4A49}">
      <dgm:prSet custT="1"/>
      <dgm:spPr/>
      <dgm:t>
        <a:bodyPr/>
        <a:lstStyle/>
        <a:p>
          <a:endParaRPr lang="da-DK" sz="1000"/>
        </a:p>
      </dgm:t>
    </dgm:pt>
    <dgm:pt modelId="{E61B7DCF-0BF0-4F08-B366-B909023B1043}">
      <dgm:prSet phldrT="[Text]" custT="1"/>
      <dgm:spPr/>
      <dgm:t>
        <a:bodyPr/>
        <a:lstStyle/>
        <a:p>
          <a:r>
            <a:rPr lang="en-US" sz="1050" noProof="0"/>
            <a:t>Sequencing</a:t>
          </a:r>
        </a:p>
      </dgm:t>
    </dgm:pt>
    <dgm:pt modelId="{84234C5F-C6E9-40F0-ACAD-A3C9F9CF8952}" type="parTrans" cxnId="{2533D2CD-2026-4BFF-B37E-387B764DD80E}">
      <dgm:prSet/>
      <dgm:spPr/>
      <dgm:t>
        <a:bodyPr/>
        <a:lstStyle/>
        <a:p>
          <a:endParaRPr lang="da-DK" sz="2400"/>
        </a:p>
      </dgm:t>
    </dgm:pt>
    <dgm:pt modelId="{D2F73B9B-4884-41FE-B9AF-519789C3A448}" type="sibTrans" cxnId="{2533D2CD-2026-4BFF-B37E-387B764DD80E}">
      <dgm:prSet custT="1"/>
      <dgm:spPr/>
      <dgm:t>
        <a:bodyPr/>
        <a:lstStyle/>
        <a:p>
          <a:endParaRPr lang="da-DK" sz="1000"/>
        </a:p>
      </dgm:t>
    </dgm:pt>
    <dgm:pt modelId="{1A08C3AE-860A-4B97-936F-45C974D760DB}">
      <dgm:prSet phldrT="[Text]" custT="1"/>
      <dgm:spPr/>
      <dgm:t>
        <a:bodyPr/>
        <a:lstStyle/>
        <a:p>
          <a:r>
            <a:rPr lang="en-US" sz="1050" noProof="0"/>
            <a:t>Raw data QC</a:t>
          </a:r>
        </a:p>
      </dgm:t>
    </dgm:pt>
    <dgm:pt modelId="{47ABDD4E-508D-4770-9EF3-5BD2B231C94E}" type="parTrans" cxnId="{D32FEEB8-A6E1-471A-B294-60F73BD1B4C2}">
      <dgm:prSet/>
      <dgm:spPr/>
      <dgm:t>
        <a:bodyPr/>
        <a:lstStyle/>
        <a:p>
          <a:endParaRPr lang="da-DK" sz="2400"/>
        </a:p>
      </dgm:t>
    </dgm:pt>
    <dgm:pt modelId="{B97364EA-9BD7-430B-9EDF-61D1F35745A6}" type="sibTrans" cxnId="{D32FEEB8-A6E1-471A-B294-60F73BD1B4C2}">
      <dgm:prSet custT="1"/>
      <dgm:spPr/>
      <dgm:t>
        <a:bodyPr/>
        <a:lstStyle/>
        <a:p>
          <a:endParaRPr lang="da-DK" sz="1000"/>
        </a:p>
      </dgm:t>
    </dgm:pt>
    <dgm:pt modelId="{3C89A7C8-5856-44F5-8672-03D8BADAE2E1}">
      <dgm:prSet phldrT="[Text]" custT="1"/>
      <dgm:spPr/>
      <dgm:t>
        <a:bodyPr/>
        <a:lstStyle/>
        <a:p>
          <a:r>
            <a:rPr lang="en-US" sz="1050" noProof="0" dirty="0" smtClean="0"/>
            <a:t>Assembly</a:t>
          </a:r>
          <a:endParaRPr lang="en-US" sz="1050" noProof="0" dirty="0"/>
        </a:p>
      </dgm:t>
    </dgm:pt>
    <dgm:pt modelId="{742501AF-5472-4C64-8243-F59DA5B5AC3D}" type="parTrans" cxnId="{B3C20D69-6E80-4139-A721-68445A0233CC}">
      <dgm:prSet/>
      <dgm:spPr/>
      <dgm:t>
        <a:bodyPr/>
        <a:lstStyle/>
        <a:p>
          <a:endParaRPr lang="da-DK" sz="2400"/>
        </a:p>
      </dgm:t>
    </dgm:pt>
    <dgm:pt modelId="{B9B98F79-9919-4F16-9111-1EAFF6CD227E}" type="sibTrans" cxnId="{B3C20D69-6E80-4139-A721-68445A0233CC}">
      <dgm:prSet/>
      <dgm:spPr/>
      <dgm:t>
        <a:bodyPr/>
        <a:lstStyle/>
        <a:p>
          <a:endParaRPr lang="da-DK" sz="2400"/>
        </a:p>
      </dgm:t>
    </dgm:pt>
    <dgm:pt modelId="{2CBB9C69-D1F0-468B-8DA2-2EE98AB504BA}">
      <dgm:prSet phldrT="[Text]" custT="1"/>
      <dgm:spPr/>
      <dgm:t>
        <a:bodyPr/>
        <a:lstStyle/>
        <a:p>
          <a:r>
            <a:rPr lang="en-US" sz="1050" noProof="0"/>
            <a:t>Sample selection</a:t>
          </a:r>
        </a:p>
      </dgm:t>
    </dgm:pt>
    <dgm:pt modelId="{E68E8D9A-AB5D-4717-AD8A-026860D70D4D}" type="parTrans" cxnId="{D95AAF23-7E41-459C-9188-7C13ADFED60F}">
      <dgm:prSet/>
      <dgm:spPr/>
      <dgm:t>
        <a:bodyPr/>
        <a:lstStyle/>
        <a:p>
          <a:endParaRPr lang="da-DK"/>
        </a:p>
      </dgm:t>
    </dgm:pt>
    <dgm:pt modelId="{D9638ACF-389D-4923-B402-A10837E8AAF5}" type="sibTrans" cxnId="{D95AAF23-7E41-459C-9188-7C13ADFED60F}">
      <dgm:prSet/>
      <dgm:spPr/>
      <dgm:t>
        <a:bodyPr/>
        <a:lstStyle/>
        <a:p>
          <a:endParaRPr lang="da-DK"/>
        </a:p>
      </dgm:t>
    </dgm:pt>
    <dgm:pt modelId="{A2F0A618-DCBC-4F46-8FA9-CCF121BCDCD0}">
      <dgm:prSet phldrT="[Text]" custT="1"/>
      <dgm:spPr/>
      <dgm:t>
        <a:bodyPr/>
        <a:lstStyle/>
        <a:p>
          <a:r>
            <a:rPr lang="da-DK" sz="1050"/>
            <a:t>DNA QC</a:t>
          </a:r>
        </a:p>
      </dgm:t>
    </dgm:pt>
    <dgm:pt modelId="{B2710DE0-4852-4FA0-A94A-997E95691E11}" type="parTrans" cxnId="{214CD4B6-1D9D-4EA4-923A-2212EB157B2E}">
      <dgm:prSet/>
      <dgm:spPr/>
      <dgm:t>
        <a:bodyPr/>
        <a:lstStyle/>
        <a:p>
          <a:endParaRPr lang="da-DK"/>
        </a:p>
      </dgm:t>
    </dgm:pt>
    <dgm:pt modelId="{5AA74EED-E4C2-41A5-BAC0-D5686669B11D}" type="sibTrans" cxnId="{214CD4B6-1D9D-4EA4-923A-2212EB157B2E}">
      <dgm:prSet/>
      <dgm:spPr/>
      <dgm:t>
        <a:bodyPr/>
        <a:lstStyle/>
        <a:p>
          <a:endParaRPr lang="da-DK"/>
        </a:p>
      </dgm:t>
    </dgm:pt>
    <dgm:pt modelId="{D4F59EB6-DF30-48E3-8D33-BE60EA53D7F7}">
      <dgm:prSet phldrT="[Text]" custT="1"/>
      <dgm:spPr/>
      <dgm:t>
        <a:bodyPr/>
        <a:lstStyle/>
        <a:p>
          <a:r>
            <a:rPr lang="da-DK" sz="1050"/>
            <a:t>Library </a:t>
          </a:r>
          <a:r>
            <a:rPr lang="en-US" sz="1050" noProof="0"/>
            <a:t>preparation</a:t>
          </a:r>
        </a:p>
      </dgm:t>
    </dgm:pt>
    <dgm:pt modelId="{31FB17EC-97AD-4FDF-A77D-ABB8F935FA4B}" type="parTrans" cxnId="{3F8B865E-FCFF-47B2-95DD-F9FD1D56EF3D}">
      <dgm:prSet/>
      <dgm:spPr/>
      <dgm:t>
        <a:bodyPr/>
        <a:lstStyle/>
        <a:p>
          <a:endParaRPr lang="da-DK"/>
        </a:p>
      </dgm:t>
    </dgm:pt>
    <dgm:pt modelId="{0D339400-71AE-4D8F-953D-29F1059DEC30}" type="sibTrans" cxnId="{3F8B865E-FCFF-47B2-95DD-F9FD1D56EF3D}">
      <dgm:prSet/>
      <dgm:spPr/>
      <dgm:t>
        <a:bodyPr/>
        <a:lstStyle/>
        <a:p>
          <a:endParaRPr lang="da-DK"/>
        </a:p>
      </dgm:t>
    </dgm:pt>
    <dgm:pt modelId="{DB85CB49-4ACC-45B5-B301-44408CE17FEA}">
      <dgm:prSet phldrT="[Text]" custT="1"/>
      <dgm:spPr/>
      <dgm:t>
        <a:bodyPr/>
        <a:lstStyle/>
        <a:p>
          <a:r>
            <a:rPr lang="en-US" sz="1050" noProof="0"/>
            <a:t>Sample prep</a:t>
          </a:r>
        </a:p>
      </dgm:t>
    </dgm:pt>
    <dgm:pt modelId="{10326984-DF58-4A62-BD2A-DD010C18E498}" type="parTrans" cxnId="{EB291B38-E699-42BC-AA74-3DD06CAB696A}">
      <dgm:prSet/>
      <dgm:spPr/>
      <dgm:t>
        <a:bodyPr/>
        <a:lstStyle/>
        <a:p>
          <a:endParaRPr lang="da-DK"/>
        </a:p>
      </dgm:t>
    </dgm:pt>
    <dgm:pt modelId="{DE439180-8E3F-4E03-8A0A-C3F4B78BCEF4}" type="sibTrans" cxnId="{EB291B38-E699-42BC-AA74-3DD06CAB696A}">
      <dgm:prSet/>
      <dgm:spPr/>
      <dgm:t>
        <a:bodyPr/>
        <a:lstStyle/>
        <a:p>
          <a:endParaRPr lang="da-DK"/>
        </a:p>
      </dgm:t>
    </dgm:pt>
    <dgm:pt modelId="{84E19719-8986-4374-87F7-749C2D17BE06}" type="pres">
      <dgm:prSet presAssocID="{2E9EF2A9-8552-48E9-B742-051047FF8904}" presName="Name0" presStyleCnt="0">
        <dgm:presLayoutVars>
          <dgm:dir/>
          <dgm:resizeHandles val="exact"/>
        </dgm:presLayoutVars>
      </dgm:prSet>
      <dgm:spPr/>
    </dgm:pt>
    <dgm:pt modelId="{A90361FD-78B4-4F90-AD65-27C93BD8561D}" type="pres">
      <dgm:prSet presAssocID="{2CBB9C69-D1F0-468B-8DA2-2EE98AB504BA}" presName="node" presStyleLbl="node1" presStyleIdx="0" presStyleCnt="8">
        <dgm:presLayoutVars>
          <dgm:bulletEnabled val="1"/>
        </dgm:presLayoutVars>
      </dgm:prSet>
      <dgm:spPr/>
      <dgm:t>
        <a:bodyPr/>
        <a:lstStyle/>
        <a:p>
          <a:endParaRPr lang="en-US"/>
        </a:p>
      </dgm:t>
    </dgm:pt>
    <dgm:pt modelId="{973BDC75-F7B2-4FCB-978E-341BA8529062}" type="pres">
      <dgm:prSet presAssocID="{D9638ACF-389D-4923-B402-A10837E8AAF5}" presName="sibTrans" presStyleLbl="sibTrans2D1" presStyleIdx="0" presStyleCnt="7"/>
      <dgm:spPr/>
      <dgm:t>
        <a:bodyPr/>
        <a:lstStyle/>
        <a:p>
          <a:endParaRPr lang="en-US"/>
        </a:p>
      </dgm:t>
    </dgm:pt>
    <dgm:pt modelId="{C6F15A0E-0121-4F7D-BB02-67E0ECA41C3A}" type="pres">
      <dgm:prSet presAssocID="{D9638ACF-389D-4923-B402-A10837E8AAF5}" presName="connectorText" presStyleLbl="sibTrans2D1" presStyleIdx="0" presStyleCnt="7"/>
      <dgm:spPr/>
      <dgm:t>
        <a:bodyPr/>
        <a:lstStyle/>
        <a:p>
          <a:endParaRPr lang="en-US"/>
        </a:p>
      </dgm:t>
    </dgm:pt>
    <dgm:pt modelId="{651AC008-1D50-4371-8EC8-7B2B18D2F57A}" type="pres">
      <dgm:prSet presAssocID="{DB85CB49-4ACC-45B5-B301-44408CE17FEA}" presName="node" presStyleLbl="node1" presStyleIdx="1" presStyleCnt="8">
        <dgm:presLayoutVars>
          <dgm:bulletEnabled val="1"/>
        </dgm:presLayoutVars>
      </dgm:prSet>
      <dgm:spPr/>
      <dgm:t>
        <a:bodyPr/>
        <a:lstStyle/>
        <a:p>
          <a:endParaRPr lang="en-US"/>
        </a:p>
      </dgm:t>
    </dgm:pt>
    <dgm:pt modelId="{8406A6C1-1569-4A6D-A3AB-208926C1A978}" type="pres">
      <dgm:prSet presAssocID="{DE439180-8E3F-4E03-8A0A-C3F4B78BCEF4}" presName="sibTrans" presStyleLbl="sibTrans2D1" presStyleIdx="1" presStyleCnt="7"/>
      <dgm:spPr/>
      <dgm:t>
        <a:bodyPr/>
        <a:lstStyle/>
        <a:p>
          <a:endParaRPr lang="en-US"/>
        </a:p>
      </dgm:t>
    </dgm:pt>
    <dgm:pt modelId="{EF8EC408-E50F-4AAD-B0B4-46673B105808}" type="pres">
      <dgm:prSet presAssocID="{DE439180-8E3F-4E03-8A0A-C3F4B78BCEF4}" presName="connectorText" presStyleLbl="sibTrans2D1" presStyleIdx="1" presStyleCnt="7"/>
      <dgm:spPr/>
      <dgm:t>
        <a:bodyPr/>
        <a:lstStyle/>
        <a:p>
          <a:endParaRPr lang="en-US"/>
        </a:p>
      </dgm:t>
    </dgm:pt>
    <dgm:pt modelId="{BF27DF62-74D2-400C-9F1C-5506F10960BC}" type="pres">
      <dgm:prSet presAssocID="{7FAB60BD-CE96-467A-8B14-A0BAA0B77107}" presName="node" presStyleLbl="node1" presStyleIdx="2" presStyleCnt="8">
        <dgm:presLayoutVars>
          <dgm:bulletEnabled val="1"/>
        </dgm:presLayoutVars>
      </dgm:prSet>
      <dgm:spPr/>
      <dgm:t>
        <a:bodyPr/>
        <a:lstStyle/>
        <a:p>
          <a:endParaRPr lang="en-US"/>
        </a:p>
      </dgm:t>
    </dgm:pt>
    <dgm:pt modelId="{144BAB93-C958-4FB3-B98A-C84CCA22A01A}" type="pres">
      <dgm:prSet presAssocID="{872C7A10-66B6-4C06-8EE4-773306EBF2A5}" presName="sibTrans" presStyleLbl="sibTrans2D1" presStyleIdx="2" presStyleCnt="7"/>
      <dgm:spPr/>
      <dgm:t>
        <a:bodyPr/>
        <a:lstStyle/>
        <a:p>
          <a:endParaRPr lang="en-US"/>
        </a:p>
      </dgm:t>
    </dgm:pt>
    <dgm:pt modelId="{71E3D27A-5AB5-4E4E-8755-592DC001CA0E}" type="pres">
      <dgm:prSet presAssocID="{872C7A10-66B6-4C06-8EE4-773306EBF2A5}" presName="connectorText" presStyleLbl="sibTrans2D1" presStyleIdx="2" presStyleCnt="7"/>
      <dgm:spPr/>
      <dgm:t>
        <a:bodyPr/>
        <a:lstStyle/>
        <a:p>
          <a:endParaRPr lang="en-US"/>
        </a:p>
      </dgm:t>
    </dgm:pt>
    <dgm:pt modelId="{93F484C8-6A7D-4485-9E54-2DB9A244F338}" type="pres">
      <dgm:prSet presAssocID="{A2F0A618-DCBC-4F46-8FA9-CCF121BCDCD0}" presName="node" presStyleLbl="node1" presStyleIdx="3" presStyleCnt="8">
        <dgm:presLayoutVars>
          <dgm:bulletEnabled val="1"/>
        </dgm:presLayoutVars>
      </dgm:prSet>
      <dgm:spPr/>
      <dgm:t>
        <a:bodyPr/>
        <a:lstStyle/>
        <a:p>
          <a:endParaRPr lang="en-US"/>
        </a:p>
      </dgm:t>
    </dgm:pt>
    <dgm:pt modelId="{9CD1C022-467C-43DF-ABFA-DF8E83FF88F4}" type="pres">
      <dgm:prSet presAssocID="{5AA74EED-E4C2-41A5-BAC0-D5686669B11D}" presName="sibTrans" presStyleLbl="sibTrans2D1" presStyleIdx="3" presStyleCnt="7"/>
      <dgm:spPr/>
      <dgm:t>
        <a:bodyPr/>
        <a:lstStyle/>
        <a:p>
          <a:endParaRPr lang="en-US"/>
        </a:p>
      </dgm:t>
    </dgm:pt>
    <dgm:pt modelId="{DD6976DE-6D07-40A6-AC1C-772BAF5EB9A3}" type="pres">
      <dgm:prSet presAssocID="{5AA74EED-E4C2-41A5-BAC0-D5686669B11D}" presName="connectorText" presStyleLbl="sibTrans2D1" presStyleIdx="3" presStyleCnt="7"/>
      <dgm:spPr/>
      <dgm:t>
        <a:bodyPr/>
        <a:lstStyle/>
        <a:p>
          <a:endParaRPr lang="en-US"/>
        </a:p>
      </dgm:t>
    </dgm:pt>
    <dgm:pt modelId="{3C6A1E02-ED2C-47C1-A70F-FF715C92157C}" type="pres">
      <dgm:prSet presAssocID="{D4F59EB6-DF30-48E3-8D33-BE60EA53D7F7}" presName="node" presStyleLbl="node1" presStyleIdx="4" presStyleCnt="8">
        <dgm:presLayoutVars>
          <dgm:bulletEnabled val="1"/>
        </dgm:presLayoutVars>
      </dgm:prSet>
      <dgm:spPr/>
      <dgm:t>
        <a:bodyPr/>
        <a:lstStyle/>
        <a:p>
          <a:endParaRPr lang="en-US"/>
        </a:p>
      </dgm:t>
    </dgm:pt>
    <dgm:pt modelId="{CA79DDDF-EB50-4769-B1B8-F14F04C21C5A}" type="pres">
      <dgm:prSet presAssocID="{0D339400-71AE-4D8F-953D-29F1059DEC30}" presName="sibTrans" presStyleLbl="sibTrans2D1" presStyleIdx="4" presStyleCnt="7"/>
      <dgm:spPr/>
      <dgm:t>
        <a:bodyPr/>
        <a:lstStyle/>
        <a:p>
          <a:endParaRPr lang="en-US"/>
        </a:p>
      </dgm:t>
    </dgm:pt>
    <dgm:pt modelId="{7313B45F-3882-49EE-9B09-EA54F549E8C6}" type="pres">
      <dgm:prSet presAssocID="{0D339400-71AE-4D8F-953D-29F1059DEC30}" presName="connectorText" presStyleLbl="sibTrans2D1" presStyleIdx="4" presStyleCnt="7"/>
      <dgm:spPr/>
      <dgm:t>
        <a:bodyPr/>
        <a:lstStyle/>
        <a:p>
          <a:endParaRPr lang="en-US"/>
        </a:p>
      </dgm:t>
    </dgm:pt>
    <dgm:pt modelId="{604A7AF6-3C9D-489F-B818-8A6013D27B66}" type="pres">
      <dgm:prSet presAssocID="{E61B7DCF-0BF0-4F08-B366-B909023B1043}" presName="node" presStyleLbl="node1" presStyleIdx="5" presStyleCnt="8">
        <dgm:presLayoutVars>
          <dgm:bulletEnabled val="1"/>
        </dgm:presLayoutVars>
      </dgm:prSet>
      <dgm:spPr/>
      <dgm:t>
        <a:bodyPr/>
        <a:lstStyle/>
        <a:p>
          <a:endParaRPr lang="en-US"/>
        </a:p>
      </dgm:t>
    </dgm:pt>
    <dgm:pt modelId="{F94C3375-7CF3-4740-ABEB-399F0C8AE2D6}" type="pres">
      <dgm:prSet presAssocID="{D2F73B9B-4884-41FE-B9AF-519789C3A448}" presName="sibTrans" presStyleLbl="sibTrans2D1" presStyleIdx="5" presStyleCnt="7"/>
      <dgm:spPr/>
      <dgm:t>
        <a:bodyPr/>
        <a:lstStyle/>
        <a:p>
          <a:endParaRPr lang="en-US"/>
        </a:p>
      </dgm:t>
    </dgm:pt>
    <dgm:pt modelId="{1CC3E26E-5A80-4427-B3B8-D7E9E9592DCA}" type="pres">
      <dgm:prSet presAssocID="{D2F73B9B-4884-41FE-B9AF-519789C3A448}" presName="connectorText" presStyleLbl="sibTrans2D1" presStyleIdx="5" presStyleCnt="7"/>
      <dgm:spPr/>
      <dgm:t>
        <a:bodyPr/>
        <a:lstStyle/>
        <a:p>
          <a:endParaRPr lang="en-US"/>
        </a:p>
      </dgm:t>
    </dgm:pt>
    <dgm:pt modelId="{152C31CA-BFFB-4682-B5C5-4F97A63FBBE3}" type="pres">
      <dgm:prSet presAssocID="{1A08C3AE-860A-4B97-936F-45C974D760DB}" presName="node" presStyleLbl="node1" presStyleIdx="6" presStyleCnt="8">
        <dgm:presLayoutVars>
          <dgm:bulletEnabled val="1"/>
        </dgm:presLayoutVars>
      </dgm:prSet>
      <dgm:spPr/>
      <dgm:t>
        <a:bodyPr/>
        <a:lstStyle/>
        <a:p>
          <a:endParaRPr lang="en-US"/>
        </a:p>
      </dgm:t>
    </dgm:pt>
    <dgm:pt modelId="{63BB00CE-2B11-41FF-80C8-14184E013A8D}" type="pres">
      <dgm:prSet presAssocID="{B97364EA-9BD7-430B-9EDF-61D1F35745A6}" presName="sibTrans" presStyleLbl="sibTrans2D1" presStyleIdx="6" presStyleCnt="7"/>
      <dgm:spPr/>
      <dgm:t>
        <a:bodyPr/>
        <a:lstStyle/>
        <a:p>
          <a:endParaRPr lang="en-US"/>
        </a:p>
      </dgm:t>
    </dgm:pt>
    <dgm:pt modelId="{3B3472DB-65D5-4838-8023-369CCA10C3D9}" type="pres">
      <dgm:prSet presAssocID="{B97364EA-9BD7-430B-9EDF-61D1F35745A6}" presName="connectorText" presStyleLbl="sibTrans2D1" presStyleIdx="6" presStyleCnt="7"/>
      <dgm:spPr/>
      <dgm:t>
        <a:bodyPr/>
        <a:lstStyle/>
        <a:p>
          <a:endParaRPr lang="en-US"/>
        </a:p>
      </dgm:t>
    </dgm:pt>
    <dgm:pt modelId="{2598FA11-5F12-43A4-9361-4FEB9E623A32}" type="pres">
      <dgm:prSet presAssocID="{3C89A7C8-5856-44F5-8672-03D8BADAE2E1}" presName="node" presStyleLbl="node1" presStyleIdx="7" presStyleCnt="8">
        <dgm:presLayoutVars>
          <dgm:bulletEnabled val="1"/>
        </dgm:presLayoutVars>
      </dgm:prSet>
      <dgm:spPr/>
      <dgm:t>
        <a:bodyPr/>
        <a:lstStyle/>
        <a:p>
          <a:endParaRPr lang="en-US"/>
        </a:p>
      </dgm:t>
    </dgm:pt>
  </dgm:ptLst>
  <dgm:cxnLst>
    <dgm:cxn modelId="{E38CDE56-9033-4838-9458-05A383C7EB59}" type="presOf" srcId="{D4F59EB6-DF30-48E3-8D33-BE60EA53D7F7}" destId="{3C6A1E02-ED2C-47C1-A70F-FF715C92157C}" srcOrd="0" destOrd="0" presId="urn:microsoft.com/office/officeart/2005/8/layout/process1"/>
    <dgm:cxn modelId="{C22F7A68-B826-4D1D-BFD4-EFD234F22FCE}" type="presOf" srcId="{DE439180-8E3F-4E03-8A0A-C3F4B78BCEF4}" destId="{8406A6C1-1569-4A6D-A3AB-208926C1A978}" srcOrd="0" destOrd="0" presId="urn:microsoft.com/office/officeart/2005/8/layout/process1"/>
    <dgm:cxn modelId="{BED1F62B-0F34-41C5-A25A-D02C4B756E50}" type="presOf" srcId="{5AA74EED-E4C2-41A5-BAC0-D5686669B11D}" destId="{DD6976DE-6D07-40A6-AC1C-772BAF5EB9A3}" srcOrd="1" destOrd="0" presId="urn:microsoft.com/office/officeart/2005/8/layout/process1"/>
    <dgm:cxn modelId="{F2DAF999-AAA2-4936-A641-1F22484BB342}" type="presOf" srcId="{7FAB60BD-CE96-467A-8B14-A0BAA0B77107}" destId="{BF27DF62-74D2-400C-9F1C-5506F10960BC}" srcOrd="0" destOrd="0" presId="urn:microsoft.com/office/officeart/2005/8/layout/process1"/>
    <dgm:cxn modelId="{3FDD3495-3333-4903-AB59-D983164C0282}" type="presOf" srcId="{DE439180-8E3F-4E03-8A0A-C3F4B78BCEF4}" destId="{EF8EC408-E50F-4AAD-B0B4-46673B105808}" srcOrd="1" destOrd="0" presId="urn:microsoft.com/office/officeart/2005/8/layout/process1"/>
    <dgm:cxn modelId="{13E366D4-BD45-4D1F-B4E4-69816D7F7C2A}" type="presOf" srcId="{D2F73B9B-4884-41FE-B9AF-519789C3A448}" destId="{F94C3375-7CF3-4740-ABEB-399F0C8AE2D6}" srcOrd="0" destOrd="0" presId="urn:microsoft.com/office/officeart/2005/8/layout/process1"/>
    <dgm:cxn modelId="{80B1460E-2BCE-4B68-9FF4-635FB12017F2}" type="presOf" srcId="{0D339400-71AE-4D8F-953D-29F1059DEC30}" destId="{7313B45F-3882-49EE-9B09-EA54F549E8C6}" srcOrd="1" destOrd="0" presId="urn:microsoft.com/office/officeart/2005/8/layout/process1"/>
    <dgm:cxn modelId="{13588C3B-FC7E-44B8-BDC6-ABE20BEC5006}" type="presOf" srcId="{5AA74EED-E4C2-41A5-BAC0-D5686669B11D}" destId="{9CD1C022-467C-43DF-ABFA-DF8E83FF88F4}" srcOrd="0" destOrd="0" presId="urn:microsoft.com/office/officeart/2005/8/layout/process1"/>
    <dgm:cxn modelId="{8C61BC7A-E3B6-47A2-B79F-31BEC88FBF17}" type="presOf" srcId="{B97364EA-9BD7-430B-9EDF-61D1F35745A6}" destId="{3B3472DB-65D5-4838-8023-369CCA10C3D9}" srcOrd="1" destOrd="0" presId="urn:microsoft.com/office/officeart/2005/8/layout/process1"/>
    <dgm:cxn modelId="{75E2E41F-6851-44DF-9D9F-51E1BD8C343F}" type="presOf" srcId="{D2F73B9B-4884-41FE-B9AF-519789C3A448}" destId="{1CC3E26E-5A80-4427-B3B8-D7E9E9592DCA}" srcOrd="1" destOrd="0" presId="urn:microsoft.com/office/officeart/2005/8/layout/process1"/>
    <dgm:cxn modelId="{B3C20D69-6E80-4139-A721-68445A0233CC}" srcId="{2E9EF2A9-8552-48E9-B742-051047FF8904}" destId="{3C89A7C8-5856-44F5-8672-03D8BADAE2E1}" srcOrd="7" destOrd="0" parTransId="{742501AF-5472-4C64-8243-F59DA5B5AC3D}" sibTransId="{B9B98F79-9919-4F16-9111-1EAFF6CD227E}"/>
    <dgm:cxn modelId="{026B927C-2208-45E6-BFBF-ECD8C5245DCE}" type="presOf" srcId="{D9638ACF-389D-4923-B402-A10837E8AAF5}" destId="{C6F15A0E-0121-4F7D-BB02-67E0ECA41C3A}" srcOrd="1" destOrd="0" presId="urn:microsoft.com/office/officeart/2005/8/layout/process1"/>
    <dgm:cxn modelId="{1C498B61-67B2-49DE-B245-A05FD9B57D2F}" type="presOf" srcId="{1A08C3AE-860A-4B97-936F-45C974D760DB}" destId="{152C31CA-BFFB-4682-B5C5-4F97A63FBBE3}" srcOrd="0" destOrd="0" presId="urn:microsoft.com/office/officeart/2005/8/layout/process1"/>
    <dgm:cxn modelId="{D95AAF23-7E41-459C-9188-7C13ADFED60F}" srcId="{2E9EF2A9-8552-48E9-B742-051047FF8904}" destId="{2CBB9C69-D1F0-468B-8DA2-2EE98AB504BA}" srcOrd="0" destOrd="0" parTransId="{E68E8D9A-AB5D-4717-AD8A-026860D70D4D}" sibTransId="{D9638ACF-389D-4923-B402-A10837E8AAF5}"/>
    <dgm:cxn modelId="{D81B66D8-F292-4C23-8386-DC95F5E59B81}" type="presOf" srcId="{D9638ACF-389D-4923-B402-A10837E8AAF5}" destId="{973BDC75-F7B2-4FCB-978E-341BA8529062}" srcOrd="0" destOrd="0" presId="urn:microsoft.com/office/officeart/2005/8/layout/process1"/>
    <dgm:cxn modelId="{4A7F3520-6193-4599-9278-80334CB57F56}" type="presOf" srcId="{2CBB9C69-D1F0-468B-8DA2-2EE98AB504BA}" destId="{A90361FD-78B4-4F90-AD65-27C93BD8561D}" srcOrd="0" destOrd="0" presId="urn:microsoft.com/office/officeart/2005/8/layout/process1"/>
    <dgm:cxn modelId="{BF7A0841-EA7F-4EEE-8564-2DC4261FDFD1}" type="presOf" srcId="{3C89A7C8-5856-44F5-8672-03D8BADAE2E1}" destId="{2598FA11-5F12-43A4-9361-4FEB9E623A32}" srcOrd="0" destOrd="0" presId="urn:microsoft.com/office/officeart/2005/8/layout/process1"/>
    <dgm:cxn modelId="{3F8B865E-FCFF-47B2-95DD-F9FD1D56EF3D}" srcId="{2E9EF2A9-8552-48E9-B742-051047FF8904}" destId="{D4F59EB6-DF30-48E3-8D33-BE60EA53D7F7}" srcOrd="4" destOrd="0" parTransId="{31FB17EC-97AD-4FDF-A77D-ABB8F935FA4B}" sibTransId="{0D339400-71AE-4D8F-953D-29F1059DEC30}"/>
    <dgm:cxn modelId="{4190255B-BD5F-409A-B94A-BA376B6F4A49}" srcId="{2E9EF2A9-8552-48E9-B742-051047FF8904}" destId="{7FAB60BD-CE96-467A-8B14-A0BAA0B77107}" srcOrd="2" destOrd="0" parTransId="{42F9782B-E8D6-4902-A722-50E3A1BA3AB4}" sibTransId="{872C7A10-66B6-4C06-8EE4-773306EBF2A5}"/>
    <dgm:cxn modelId="{2533D2CD-2026-4BFF-B37E-387B764DD80E}" srcId="{2E9EF2A9-8552-48E9-B742-051047FF8904}" destId="{E61B7DCF-0BF0-4F08-B366-B909023B1043}" srcOrd="5" destOrd="0" parTransId="{84234C5F-C6E9-40F0-ACAD-A3C9F9CF8952}" sibTransId="{D2F73B9B-4884-41FE-B9AF-519789C3A448}"/>
    <dgm:cxn modelId="{B33C8B8B-3198-46FC-A594-59C5D5450E46}" type="presOf" srcId="{A2F0A618-DCBC-4F46-8FA9-CCF121BCDCD0}" destId="{93F484C8-6A7D-4485-9E54-2DB9A244F338}" srcOrd="0" destOrd="0" presId="urn:microsoft.com/office/officeart/2005/8/layout/process1"/>
    <dgm:cxn modelId="{A93A5245-D304-46D8-8464-C1892BA9AAD3}" type="presOf" srcId="{DB85CB49-4ACC-45B5-B301-44408CE17FEA}" destId="{651AC008-1D50-4371-8EC8-7B2B18D2F57A}" srcOrd="0" destOrd="0" presId="urn:microsoft.com/office/officeart/2005/8/layout/process1"/>
    <dgm:cxn modelId="{214CD4B6-1D9D-4EA4-923A-2212EB157B2E}" srcId="{2E9EF2A9-8552-48E9-B742-051047FF8904}" destId="{A2F0A618-DCBC-4F46-8FA9-CCF121BCDCD0}" srcOrd="3" destOrd="0" parTransId="{B2710DE0-4852-4FA0-A94A-997E95691E11}" sibTransId="{5AA74EED-E4C2-41A5-BAC0-D5686669B11D}"/>
    <dgm:cxn modelId="{FB89FCCE-8D55-457E-AD05-6329FDF30D32}" type="presOf" srcId="{2E9EF2A9-8552-48E9-B742-051047FF8904}" destId="{84E19719-8986-4374-87F7-749C2D17BE06}" srcOrd="0" destOrd="0" presId="urn:microsoft.com/office/officeart/2005/8/layout/process1"/>
    <dgm:cxn modelId="{FC837C4E-CEC8-46D9-8F7D-BBBD201B5504}" type="presOf" srcId="{872C7A10-66B6-4C06-8EE4-773306EBF2A5}" destId="{71E3D27A-5AB5-4E4E-8755-592DC001CA0E}" srcOrd="1" destOrd="0" presId="urn:microsoft.com/office/officeart/2005/8/layout/process1"/>
    <dgm:cxn modelId="{34C0E7FB-7E43-4BCC-9927-19DC43652983}" type="presOf" srcId="{B97364EA-9BD7-430B-9EDF-61D1F35745A6}" destId="{63BB00CE-2B11-41FF-80C8-14184E013A8D}" srcOrd="0" destOrd="0" presId="urn:microsoft.com/office/officeart/2005/8/layout/process1"/>
    <dgm:cxn modelId="{EB291B38-E699-42BC-AA74-3DD06CAB696A}" srcId="{2E9EF2A9-8552-48E9-B742-051047FF8904}" destId="{DB85CB49-4ACC-45B5-B301-44408CE17FEA}" srcOrd="1" destOrd="0" parTransId="{10326984-DF58-4A62-BD2A-DD010C18E498}" sibTransId="{DE439180-8E3F-4E03-8A0A-C3F4B78BCEF4}"/>
    <dgm:cxn modelId="{BF9D5BC1-6641-47F7-8566-817BF02E5EE3}" type="presOf" srcId="{872C7A10-66B6-4C06-8EE4-773306EBF2A5}" destId="{144BAB93-C958-4FB3-B98A-C84CCA22A01A}" srcOrd="0" destOrd="0" presId="urn:microsoft.com/office/officeart/2005/8/layout/process1"/>
    <dgm:cxn modelId="{D32FEEB8-A6E1-471A-B294-60F73BD1B4C2}" srcId="{2E9EF2A9-8552-48E9-B742-051047FF8904}" destId="{1A08C3AE-860A-4B97-936F-45C974D760DB}" srcOrd="6" destOrd="0" parTransId="{47ABDD4E-508D-4770-9EF3-5BD2B231C94E}" sibTransId="{B97364EA-9BD7-430B-9EDF-61D1F35745A6}"/>
    <dgm:cxn modelId="{9AD25CC7-B2BE-4A12-9D33-81863E21636B}" type="presOf" srcId="{0D339400-71AE-4D8F-953D-29F1059DEC30}" destId="{CA79DDDF-EB50-4769-B1B8-F14F04C21C5A}" srcOrd="0" destOrd="0" presId="urn:microsoft.com/office/officeart/2005/8/layout/process1"/>
    <dgm:cxn modelId="{E2E987E1-015B-40F3-8A5D-A175DC86EF34}" type="presOf" srcId="{E61B7DCF-0BF0-4F08-B366-B909023B1043}" destId="{604A7AF6-3C9D-489F-B818-8A6013D27B66}" srcOrd="0" destOrd="0" presId="urn:microsoft.com/office/officeart/2005/8/layout/process1"/>
    <dgm:cxn modelId="{9DFA1AFF-7FA1-49D1-84F9-1EE89DECD6AF}" type="presParOf" srcId="{84E19719-8986-4374-87F7-749C2D17BE06}" destId="{A90361FD-78B4-4F90-AD65-27C93BD8561D}" srcOrd="0" destOrd="0" presId="urn:microsoft.com/office/officeart/2005/8/layout/process1"/>
    <dgm:cxn modelId="{67CCA62C-4D7B-4B73-9652-430E7F965502}" type="presParOf" srcId="{84E19719-8986-4374-87F7-749C2D17BE06}" destId="{973BDC75-F7B2-4FCB-978E-341BA8529062}" srcOrd="1" destOrd="0" presId="urn:microsoft.com/office/officeart/2005/8/layout/process1"/>
    <dgm:cxn modelId="{9E1CB3E7-3FAE-435E-A5F4-0A437224A754}" type="presParOf" srcId="{973BDC75-F7B2-4FCB-978E-341BA8529062}" destId="{C6F15A0E-0121-4F7D-BB02-67E0ECA41C3A}" srcOrd="0" destOrd="0" presId="urn:microsoft.com/office/officeart/2005/8/layout/process1"/>
    <dgm:cxn modelId="{903E51CD-BC36-428E-B546-F17F364D3111}" type="presParOf" srcId="{84E19719-8986-4374-87F7-749C2D17BE06}" destId="{651AC008-1D50-4371-8EC8-7B2B18D2F57A}" srcOrd="2" destOrd="0" presId="urn:microsoft.com/office/officeart/2005/8/layout/process1"/>
    <dgm:cxn modelId="{FB96141B-BD08-4587-AC51-2A05953BD917}" type="presParOf" srcId="{84E19719-8986-4374-87F7-749C2D17BE06}" destId="{8406A6C1-1569-4A6D-A3AB-208926C1A978}" srcOrd="3" destOrd="0" presId="urn:microsoft.com/office/officeart/2005/8/layout/process1"/>
    <dgm:cxn modelId="{E1CFE49A-50E4-45CC-8D8D-621A0919E072}" type="presParOf" srcId="{8406A6C1-1569-4A6D-A3AB-208926C1A978}" destId="{EF8EC408-E50F-4AAD-B0B4-46673B105808}" srcOrd="0" destOrd="0" presId="urn:microsoft.com/office/officeart/2005/8/layout/process1"/>
    <dgm:cxn modelId="{35DE3F22-BF5A-46CE-90FA-A088AABF52F0}" type="presParOf" srcId="{84E19719-8986-4374-87F7-749C2D17BE06}" destId="{BF27DF62-74D2-400C-9F1C-5506F10960BC}" srcOrd="4" destOrd="0" presId="urn:microsoft.com/office/officeart/2005/8/layout/process1"/>
    <dgm:cxn modelId="{0990520F-9559-4F59-9559-4C8B2A822C19}" type="presParOf" srcId="{84E19719-8986-4374-87F7-749C2D17BE06}" destId="{144BAB93-C958-4FB3-B98A-C84CCA22A01A}" srcOrd="5" destOrd="0" presId="urn:microsoft.com/office/officeart/2005/8/layout/process1"/>
    <dgm:cxn modelId="{01A16433-CB02-4104-95DB-04C8E85874B8}" type="presParOf" srcId="{144BAB93-C958-4FB3-B98A-C84CCA22A01A}" destId="{71E3D27A-5AB5-4E4E-8755-592DC001CA0E}" srcOrd="0" destOrd="0" presId="urn:microsoft.com/office/officeart/2005/8/layout/process1"/>
    <dgm:cxn modelId="{6A69D712-D841-4FFF-9E98-08FBEBC818AF}" type="presParOf" srcId="{84E19719-8986-4374-87F7-749C2D17BE06}" destId="{93F484C8-6A7D-4485-9E54-2DB9A244F338}" srcOrd="6" destOrd="0" presId="urn:microsoft.com/office/officeart/2005/8/layout/process1"/>
    <dgm:cxn modelId="{737B6A91-7D93-4CDC-A2DC-6E40E5DCFBEE}" type="presParOf" srcId="{84E19719-8986-4374-87F7-749C2D17BE06}" destId="{9CD1C022-467C-43DF-ABFA-DF8E83FF88F4}" srcOrd="7" destOrd="0" presId="urn:microsoft.com/office/officeart/2005/8/layout/process1"/>
    <dgm:cxn modelId="{9A7B9A03-7AFA-493B-BC2E-2E9A2BE1C1AA}" type="presParOf" srcId="{9CD1C022-467C-43DF-ABFA-DF8E83FF88F4}" destId="{DD6976DE-6D07-40A6-AC1C-772BAF5EB9A3}" srcOrd="0" destOrd="0" presId="urn:microsoft.com/office/officeart/2005/8/layout/process1"/>
    <dgm:cxn modelId="{8EC287E5-4C26-4D9E-A50C-8C8EDE3BC516}" type="presParOf" srcId="{84E19719-8986-4374-87F7-749C2D17BE06}" destId="{3C6A1E02-ED2C-47C1-A70F-FF715C92157C}" srcOrd="8" destOrd="0" presId="urn:microsoft.com/office/officeart/2005/8/layout/process1"/>
    <dgm:cxn modelId="{EB1ECBB2-FBDB-43C9-9359-3C5D8A036912}" type="presParOf" srcId="{84E19719-8986-4374-87F7-749C2D17BE06}" destId="{CA79DDDF-EB50-4769-B1B8-F14F04C21C5A}" srcOrd="9" destOrd="0" presId="urn:microsoft.com/office/officeart/2005/8/layout/process1"/>
    <dgm:cxn modelId="{62EFBF65-F4D5-4DEA-A0CF-D2E835C61584}" type="presParOf" srcId="{CA79DDDF-EB50-4769-B1B8-F14F04C21C5A}" destId="{7313B45F-3882-49EE-9B09-EA54F549E8C6}" srcOrd="0" destOrd="0" presId="urn:microsoft.com/office/officeart/2005/8/layout/process1"/>
    <dgm:cxn modelId="{F8638495-3FDB-42C4-A8E6-736078CD7D74}" type="presParOf" srcId="{84E19719-8986-4374-87F7-749C2D17BE06}" destId="{604A7AF6-3C9D-489F-B818-8A6013D27B66}" srcOrd="10" destOrd="0" presId="urn:microsoft.com/office/officeart/2005/8/layout/process1"/>
    <dgm:cxn modelId="{4681136B-8BC9-42BC-A02B-17D17D0690CC}" type="presParOf" srcId="{84E19719-8986-4374-87F7-749C2D17BE06}" destId="{F94C3375-7CF3-4740-ABEB-399F0C8AE2D6}" srcOrd="11" destOrd="0" presId="urn:microsoft.com/office/officeart/2005/8/layout/process1"/>
    <dgm:cxn modelId="{6F2611FF-D25B-44BE-96C9-6D61365C494D}" type="presParOf" srcId="{F94C3375-7CF3-4740-ABEB-399F0C8AE2D6}" destId="{1CC3E26E-5A80-4427-B3B8-D7E9E9592DCA}" srcOrd="0" destOrd="0" presId="urn:microsoft.com/office/officeart/2005/8/layout/process1"/>
    <dgm:cxn modelId="{E78CC798-6853-4437-8219-06F64F1019AD}" type="presParOf" srcId="{84E19719-8986-4374-87F7-749C2D17BE06}" destId="{152C31CA-BFFB-4682-B5C5-4F97A63FBBE3}" srcOrd="12" destOrd="0" presId="urn:microsoft.com/office/officeart/2005/8/layout/process1"/>
    <dgm:cxn modelId="{61880AEB-82BE-4530-9BE0-82093175F64F}" type="presParOf" srcId="{84E19719-8986-4374-87F7-749C2D17BE06}" destId="{63BB00CE-2B11-41FF-80C8-14184E013A8D}" srcOrd="13" destOrd="0" presId="urn:microsoft.com/office/officeart/2005/8/layout/process1"/>
    <dgm:cxn modelId="{8443D500-B3E6-4BBE-B649-973B3FF0A311}" type="presParOf" srcId="{63BB00CE-2B11-41FF-80C8-14184E013A8D}" destId="{3B3472DB-65D5-4838-8023-369CCA10C3D9}" srcOrd="0" destOrd="0" presId="urn:microsoft.com/office/officeart/2005/8/layout/process1"/>
    <dgm:cxn modelId="{C4768503-CB4B-4D1A-AE4A-E7F1B4E0DAFB}" type="presParOf" srcId="{84E19719-8986-4374-87F7-749C2D17BE06}" destId="{2598FA11-5F12-43A4-9361-4FEB9E623A32}" srcOrd="14" destOrd="0" presId="urn:microsoft.com/office/officeart/2005/8/layout/process1"/>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2E9EF2A9-8552-48E9-B742-051047FF8904}" type="doc">
      <dgm:prSet loTypeId="urn:microsoft.com/office/officeart/2005/8/layout/process1" loCatId="process" qsTypeId="urn:microsoft.com/office/officeart/2005/8/quickstyle/simple1" qsCatId="simple" csTypeId="urn:microsoft.com/office/officeart/2005/8/colors/accent0_1" csCatId="mainScheme" phldr="1"/>
      <dgm:spPr/>
    </dgm:pt>
    <dgm:pt modelId="{83811246-8633-433C-B3DC-9AB2F84EFC82}">
      <dgm:prSet phldrT="[Text]" custT="1"/>
      <dgm:spPr/>
      <dgm:t>
        <a:bodyPr/>
        <a:lstStyle/>
        <a:p>
          <a:r>
            <a:rPr lang="en-US" sz="1050" noProof="0" dirty="0" smtClean="0"/>
            <a:t>Assembly QC</a:t>
          </a:r>
          <a:endParaRPr lang="en-US" sz="1050" noProof="0" dirty="0"/>
        </a:p>
      </dgm:t>
    </dgm:pt>
    <dgm:pt modelId="{A30B9697-701B-45B2-BF9A-7B71E4F7DD19}" type="parTrans" cxnId="{E42247EC-8C3B-4FB7-96F6-6B1496D5D0CD}">
      <dgm:prSet/>
      <dgm:spPr/>
      <dgm:t>
        <a:bodyPr/>
        <a:lstStyle/>
        <a:p>
          <a:endParaRPr lang="da-DK" sz="2400"/>
        </a:p>
      </dgm:t>
    </dgm:pt>
    <dgm:pt modelId="{C552395D-3BB6-4A8A-85D2-7EFA6F7BA5B7}" type="sibTrans" cxnId="{E42247EC-8C3B-4FB7-96F6-6B1496D5D0CD}">
      <dgm:prSet custT="1"/>
      <dgm:spPr/>
      <dgm:t>
        <a:bodyPr/>
        <a:lstStyle/>
        <a:p>
          <a:endParaRPr lang="da-DK" sz="1000"/>
        </a:p>
      </dgm:t>
    </dgm:pt>
    <dgm:pt modelId="{37A7C7C9-60BF-47DA-A789-E6AB47E61953}">
      <dgm:prSet phldrT="[Text]" custT="1"/>
      <dgm:spPr/>
      <dgm:t>
        <a:bodyPr/>
        <a:lstStyle/>
        <a:p>
          <a:r>
            <a:rPr lang="en-US" sz="1050" noProof="0"/>
            <a:t>Taxonomic analysis</a:t>
          </a:r>
        </a:p>
      </dgm:t>
    </dgm:pt>
    <dgm:pt modelId="{C71D2752-74A1-456D-AC44-00BD6AC150E5}" type="parTrans" cxnId="{A3428033-640E-4D87-99A3-EB4671CF5B3B}">
      <dgm:prSet/>
      <dgm:spPr/>
      <dgm:t>
        <a:bodyPr/>
        <a:lstStyle/>
        <a:p>
          <a:endParaRPr lang="da-DK" sz="2400"/>
        </a:p>
      </dgm:t>
    </dgm:pt>
    <dgm:pt modelId="{C7415AA6-A842-4AB9-8DAD-D2BD3EABFB25}" type="sibTrans" cxnId="{A3428033-640E-4D87-99A3-EB4671CF5B3B}">
      <dgm:prSet custT="1"/>
      <dgm:spPr/>
      <dgm:t>
        <a:bodyPr/>
        <a:lstStyle/>
        <a:p>
          <a:endParaRPr lang="da-DK" sz="1000"/>
        </a:p>
      </dgm:t>
    </dgm:pt>
    <dgm:pt modelId="{A8B86A6D-9AA0-4247-A9EE-F87AE3133742}">
      <dgm:prSet phldrT="[Text]" custT="1"/>
      <dgm:spPr/>
      <dgm:t>
        <a:bodyPr/>
        <a:lstStyle/>
        <a:p>
          <a:r>
            <a:rPr lang="en-US" sz="1050" noProof="0"/>
            <a:t>AMR detection</a:t>
          </a:r>
        </a:p>
      </dgm:t>
    </dgm:pt>
    <dgm:pt modelId="{DE395B4E-4FCF-4FC2-B4C6-7D6D9296AAA3}" type="parTrans" cxnId="{314E010E-2A65-433E-9CE8-5131FCD558DA}">
      <dgm:prSet/>
      <dgm:spPr/>
      <dgm:t>
        <a:bodyPr/>
        <a:lstStyle/>
        <a:p>
          <a:endParaRPr lang="da-DK" sz="2400"/>
        </a:p>
      </dgm:t>
    </dgm:pt>
    <dgm:pt modelId="{A0F6FD9F-A2AA-4C26-A09D-DA7328150E05}" type="sibTrans" cxnId="{314E010E-2A65-433E-9CE8-5131FCD558DA}">
      <dgm:prSet custT="1"/>
      <dgm:spPr/>
      <dgm:t>
        <a:bodyPr/>
        <a:lstStyle/>
        <a:p>
          <a:endParaRPr lang="da-DK" sz="1000"/>
        </a:p>
      </dgm:t>
    </dgm:pt>
    <dgm:pt modelId="{8E89E9F3-F1FB-4A19-8665-CBC64517527F}">
      <dgm:prSet phldrT="[Text]" custT="1"/>
      <dgm:spPr/>
      <dgm:t>
        <a:bodyPr/>
        <a:lstStyle/>
        <a:p>
          <a:r>
            <a:rPr lang="en-US" sz="1050" noProof="0"/>
            <a:t>Detection of VFs and MGEs</a:t>
          </a:r>
        </a:p>
      </dgm:t>
    </dgm:pt>
    <dgm:pt modelId="{6BD0026B-7E5F-4561-B701-D9882C227C42}" type="parTrans" cxnId="{849E442B-420D-4408-88D9-ECC62499C8D1}">
      <dgm:prSet/>
      <dgm:spPr/>
      <dgm:t>
        <a:bodyPr/>
        <a:lstStyle/>
        <a:p>
          <a:endParaRPr lang="da-DK" sz="2400"/>
        </a:p>
      </dgm:t>
    </dgm:pt>
    <dgm:pt modelId="{3A3B0F17-C5C9-4E17-A64A-4C84AD41AB2D}" type="sibTrans" cxnId="{849E442B-420D-4408-88D9-ECC62499C8D1}">
      <dgm:prSet custT="1"/>
      <dgm:spPr/>
      <dgm:t>
        <a:bodyPr/>
        <a:lstStyle/>
        <a:p>
          <a:endParaRPr lang="da-DK" sz="1000"/>
        </a:p>
      </dgm:t>
    </dgm:pt>
    <dgm:pt modelId="{DDF89E44-A9BE-452E-87A7-23327383BE06}">
      <dgm:prSet phldrT="[Text]" custT="1"/>
      <dgm:spPr/>
      <dgm:t>
        <a:bodyPr/>
        <a:lstStyle/>
        <a:p>
          <a:r>
            <a:rPr lang="en-US" sz="1050" noProof="0"/>
            <a:t>Subtyping</a:t>
          </a:r>
        </a:p>
      </dgm:t>
    </dgm:pt>
    <dgm:pt modelId="{2D961AA4-10FE-4CCC-A3C6-580C823466DC}" type="parTrans" cxnId="{00FD0D59-1DD9-48B4-BA16-B26554C0B4B4}">
      <dgm:prSet/>
      <dgm:spPr/>
      <dgm:t>
        <a:bodyPr/>
        <a:lstStyle/>
        <a:p>
          <a:endParaRPr lang="da-DK" sz="2400"/>
        </a:p>
      </dgm:t>
    </dgm:pt>
    <dgm:pt modelId="{D9F0593A-57DE-4246-823D-7055C6476CA7}" type="sibTrans" cxnId="{00FD0D59-1DD9-48B4-BA16-B26554C0B4B4}">
      <dgm:prSet custT="1"/>
      <dgm:spPr/>
      <dgm:t>
        <a:bodyPr/>
        <a:lstStyle/>
        <a:p>
          <a:endParaRPr lang="da-DK" sz="1000"/>
        </a:p>
      </dgm:t>
    </dgm:pt>
    <dgm:pt modelId="{37FA3F0C-24EE-440B-90F2-55C96DBB59FE}">
      <dgm:prSet phldrT="[Text]" custT="1"/>
      <dgm:spPr/>
      <dgm:t>
        <a:bodyPr/>
        <a:lstStyle/>
        <a:p>
          <a:r>
            <a:rPr lang="en-US" sz="1050" noProof="0" dirty="0" smtClean="0"/>
            <a:t>SNP-based phylogenetic analysis</a:t>
          </a:r>
          <a:endParaRPr lang="en-US" sz="1050" noProof="0" dirty="0"/>
        </a:p>
      </dgm:t>
    </dgm:pt>
    <dgm:pt modelId="{8848365F-3D27-4626-B803-6AC9BBEDA729}" type="parTrans" cxnId="{5E0B5566-0F20-4A87-8700-51C024B39788}">
      <dgm:prSet/>
      <dgm:spPr/>
      <dgm:t>
        <a:bodyPr/>
        <a:lstStyle/>
        <a:p>
          <a:endParaRPr lang="da-DK"/>
        </a:p>
      </dgm:t>
    </dgm:pt>
    <dgm:pt modelId="{A05EEB5F-D861-4198-891B-4D222D764CBA}" type="sibTrans" cxnId="{5E0B5566-0F20-4A87-8700-51C024B39788}">
      <dgm:prSet/>
      <dgm:spPr/>
      <dgm:t>
        <a:bodyPr/>
        <a:lstStyle/>
        <a:p>
          <a:endParaRPr lang="da-DK"/>
        </a:p>
      </dgm:t>
    </dgm:pt>
    <dgm:pt modelId="{12A982D4-AD21-4FE9-A728-59DD2AAA62B7}">
      <dgm:prSet phldrT="[Text]" custT="1"/>
      <dgm:spPr/>
      <dgm:t>
        <a:bodyPr/>
        <a:lstStyle/>
        <a:p>
          <a:r>
            <a:rPr lang="en-US" sz="1050" noProof="0"/>
            <a:t>Epidemiology</a:t>
          </a:r>
        </a:p>
      </dgm:t>
    </dgm:pt>
    <dgm:pt modelId="{F4558394-7E00-47F0-BFDE-EDD29C68778F}" type="parTrans" cxnId="{A78C2CE9-8E11-466D-ACEC-5F0B99F9510A}">
      <dgm:prSet/>
      <dgm:spPr/>
      <dgm:t>
        <a:bodyPr/>
        <a:lstStyle/>
        <a:p>
          <a:endParaRPr lang="en-US"/>
        </a:p>
      </dgm:t>
    </dgm:pt>
    <dgm:pt modelId="{620F8DB0-6293-4CC3-B7E0-77AB9DB7BB85}" type="sibTrans" cxnId="{A78C2CE9-8E11-466D-ACEC-5F0B99F9510A}">
      <dgm:prSet/>
      <dgm:spPr/>
      <dgm:t>
        <a:bodyPr/>
        <a:lstStyle/>
        <a:p>
          <a:endParaRPr lang="en-US"/>
        </a:p>
      </dgm:t>
    </dgm:pt>
    <dgm:pt modelId="{84E19719-8986-4374-87F7-749C2D17BE06}" type="pres">
      <dgm:prSet presAssocID="{2E9EF2A9-8552-48E9-B742-051047FF8904}" presName="Name0" presStyleCnt="0">
        <dgm:presLayoutVars>
          <dgm:dir/>
          <dgm:resizeHandles val="exact"/>
        </dgm:presLayoutVars>
      </dgm:prSet>
      <dgm:spPr/>
    </dgm:pt>
    <dgm:pt modelId="{2CBD2B32-89E9-4BB2-A17E-6F183838370D}" type="pres">
      <dgm:prSet presAssocID="{83811246-8633-433C-B3DC-9AB2F84EFC82}" presName="node" presStyleLbl="node1" presStyleIdx="0" presStyleCnt="7" custLinFactX="-60691" custLinFactNeighborX="-100000" custLinFactNeighborY="79626">
        <dgm:presLayoutVars>
          <dgm:bulletEnabled val="1"/>
        </dgm:presLayoutVars>
      </dgm:prSet>
      <dgm:spPr/>
      <dgm:t>
        <a:bodyPr/>
        <a:lstStyle/>
        <a:p>
          <a:endParaRPr lang="en-US"/>
        </a:p>
      </dgm:t>
    </dgm:pt>
    <dgm:pt modelId="{4BDFCC0B-4FBE-4EA3-88A4-41B7877E2DDB}" type="pres">
      <dgm:prSet presAssocID="{C552395D-3BB6-4A8A-85D2-7EFA6F7BA5B7}" presName="sibTrans" presStyleLbl="sibTrans2D1" presStyleIdx="0" presStyleCnt="6"/>
      <dgm:spPr/>
      <dgm:t>
        <a:bodyPr/>
        <a:lstStyle/>
        <a:p>
          <a:endParaRPr lang="en-US"/>
        </a:p>
      </dgm:t>
    </dgm:pt>
    <dgm:pt modelId="{41EC2CB5-9EC5-4FFF-B0D5-1CED7880AC13}" type="pres">
      <dgm:prSet presAssocID="{C552395D-3BB6-4A8A-85D2-7EFA6F7BA5B7}" presName="connectorText" presStyleLbl="sibTrans2D1" presStyleIdx="0" presStyleCnt="6"/>
      <dgm:spPr/>
      <dgm:t>
        <a:bodyPr/>
        <a:lstStyle/>
        <a:p>
          <a:endParaRPr lang="en-US"/>
        </a:p>
      </dgm:t>
    </dgm:pt>
    <dgm:pt modelId="{AEB96E87-D807-4E4B-9FC5-158B422B4D6A}" type="pres">
      <dgm:prSet presAssocID="{37FA3F0C-24EE-440B-90F2-55C96DBB59FE}" presName="node" presStyleLbl="node1" presStyleIdx="1" presStyleCnt="7">
        <dgm:presLayoutVars>
          <dgm:bulletEnabled val="1"/>
        </dgm:presLayoutVars>
      </dgm:prSet>
      <dgm:spPr/>
      <dgm:t>
        <a:bodyPr/>
        <a:lstStyle/>
        <a:p>
          <a:endParaRPr lang="en-US"/>
        </a:p>
      </dgm:t>
    </dgm:pt>
    <dgm:pt modelId="{7939467F-A3C1-4928-8C1B-2BB4B8EF0072}" type="pres">
      <dgm:prSet presAssocID="{A05EEB5F-D861-4198-891B-4D222D764CBA}" presName="sibTrans" presStyleLbl="sibTrans2D1" presStyleIdx="1" presStyleCnt="6"/>
      <dgm:spPr/>
      <dgm:t>
        <a:bodyPr/>
        <a:lstStyle/>
        <a:p>
          <a:endParaRPr lang="en-US"/>
        </a:p>
      </dgm:t>
    </dgm:pt>
    <dgm:pt modelId="{DE814FE5-E9D2-48B7-AA58-BB9720CD08A7}" type="pres">
      <dgm:prSet presAssocID="{A05EEB5F-D861-4198-891B-4D222D764CBA}" presName="connectorText" presStyleLbl="sibTrans2D1" presStyleIdx="1" presStyleCnt="6"/>
      <dgm:spPr/>
      <dgm:t>
        <a:bodyPr/>
        <a:lstStyle/>
        <a:p>
          <a:endParaRPr lang="en-US"/>
        </a:p>
      </dgm:t>
    </dgm:pt>
    <dgm:pt modelId="{57BFB2C4-223B-4F64-A492-774E1D58ECD9}" type="pres">
      <dgm:prSet presAssocID="{37A7C7C9-60BF-47DA-A789-E6AB47E61953}" presName="node" presStyleLbl="node1" presStyleIdx="2" presStyleCnt="7">
        <dgm:presLayoutVars>
          <dgm:bulletEnabled val="1"/>
        </dgm:presLayoutVars>
      </dgm:prSet>
      <dgm:spPr/>
      <dgm:t>
        <a:bodyPr/>
        <a:lstStyle/>
        <a:p>
          <a:endParaRPr lang="en-US"/>
        </a:p>
      </dgm:t>
    </dgm:pt>
    <dgm:pt modelId="{83861EAB-0FAC-43E2-B876-98CB491762E1}" type="pres">
      <dgm:prSet presAssocID="{C7415AA6-A842-4AB9-8DAD-D2BD3EABFB25}" presName="sibTrans" presStyleLbl="sibTrans2D1" presStyleIdx="2" presStyleCnt="6"/>
      <dgm:spPr/>
      <dgm:t>
        <a:bodyPr/>
        <a:lstStyle/>
        <a:p>
          <a:endParaRPr lang="en-US"/>
        </a:p>
      </dgm:t>
    </dgm:pt>
    <dgm:pt modelId="{4319EAF0-0922-4C5A-B59C-15E765C46F41}" type="pres">
      <dgm:prSet presAssocID="{C7415AA6-A842-4AB9-8DAD-D2BD3EABFB25}" presName="connectorText" presStyleLbl="sibTrans2D1" presStyleIdx="2" presStyleCnt="6"/>
      <dgm:spPr/>
      <dgm:t>
        <a:bodyPr/>
        <a:lstStyle/>
        <a:p>
          <a:endParaRPr lang="en-US"/>
        </a:p>
      </dgm:t>
    </dgm:pt>
    <dgm:pt modelId="{F6DA041F-3BFF-468C-9D23-E6BDEAE67857}" type="pres">
      <dgm:prSet presAssocID="{DDF89E44-A9BE-452E-87A7-23327383BE06}" presName="node" presStyleLbl="node1" presStyleIdx="3" presStyleCnt="7">
        <dgm:presLayoutVars>
          <dgm:bulletEnabled val="1"/>
        </dgm:presLayoutVars>
      </dgm:prSet>
      <dgm:spPr/>
      <dgm:t>
        <a:bodyPr/>
        <a:lstStyle/>
        <a:p>
          <a:endParaRPr lang="en-US"/>
        </a:p>
      </dgm:t>
    </dgm:pt>
    <dgm:pt modelId="{51234241-2F82-4B59-B4B1-1722990AACF1}" type="pres">
      <dgm:prSet presAssocID="{D9F0593A-57DE-4246-823D-7055C6476CA7}" presName="sibTrans" presStyleLbl="sibTrans2D1" presStyleIdx="3" presStyleCnt="6"/>
      <dgm:spPr/>
      <dgm:t>
        <a:bodyPr/>
        <a:lstStyle/>
        <a:p>
          <a:endParaRPr lang="en-US"/>
        </a:p>
      </dgm:t>
    </dgm:pt>
    <dgm:pt modelId="{DA10B791-33C7-43B3-BCF0-2341374568A1}" type="pres">
      <dgm:prSet presAssocID="{D9F0593A-57DE-4246-823D-7055C6476CA7}" presName="connectorText" presStyleLbl="sibTrans2D1" presStyleIdx="3" presStyleCnt="6"/>
      <dgm:spPr/>
      <dgm:t>
        <a:bodyPr/>
        <a:lstStyle/>
        <a:p>
          <a:endParaRPr lang="en-US"/>
        </a:p>
      </dgm:t>
    </dgm:pt>
    <dgm:pt modelId="{18A6CE14-701C-4E75-A63D-F57E49016B45}" type="pres">
      <dgm:prSet presAssocID="{A8B86A6D-9AA0-4247-A9EE-F87AE3133742}" presName="node" presStyleLbl="node1" presStyleIdx="4" presStyleCnt="7">
        <dgm:presLayoutVars>
          <dgm:bulletEnabled val="1"/>
        </dgm:presLayoutVars>
      </dgm:prSet>
      <dgm:spPr/>
      <dgm:t>
        <a:bodyPr/>
        <a:lstStyle/>
        <a:p>
          <a:endParaRPr lang="en-US"/>
        </a:p>
      </dgm:t>
    </dgm:pt>
    <dgm:pt modelId="{00D342C2-30E5-4C4F-A665-214CCE5387DE}" type="pres">
      <dgm:prSet presAssocID="{A0F6FD9F-A2AA-4C26-A09D-DA7328150E05}" presName="sibTrans" presStyleLbl="sibTrans2D1" presStyleIdx="4" presStyleCnt="6"/>
      <dgm:spPr/>
      <dgm:t>
        <a:bodyPr/>
        <a:lstStyle/>
        <a:p>
          <a:endParaRPr lang="en-US"/>
        </a:p>
      </dgm:t>
    </dgm:pt>
    <dgm:pt modelId="{233763AE-E340-495D-92D8-F8A2230CB3D1}" type="pres">
      <dgm:prSet presAssocID="{A0F6FD9F-A2AA-4C26-A09D-DA7328150E05}" presName="connectorText" presStyleLbl="sibTrans2D1" presStyleIdx="4" presStyleCnt="6"/>
      <dgm:spPr/>
      <dgm:t>
        <a:bodyPr/>
        <a:lstStyle/>
        <a:p>
          <a:endParaRPr lang="en-US"/>
        </a:p>
      </dgm:t>
    </dgm:pt>
    <dgm:pt modelId="{867F8DBA-30B3-4774-B19C-4A3177603398}" type="pres">
      <dgm:prSet presAssocID="{8E89E9F3-F1FB-4A19-8665-CBC64517527F}" presName="node" presStyleLbl="node1" presStyleIdx="5" presStyleCnt="7">
        <dgm:presLayoutVars>
          <dgm:bulletEnabled val="1"/>
        </dgm:presLayoutVars>
      </dgm:prSet>
      <dgm:spPr/>
      <dgm:t>
        <a:bodyPr/>
        <a:lstStyle/>
        <a:p>
          <a:endParaRPr lang="en-US"/>
        </a:p>
      </dgm:t>
    </dgm:pt>
    <dgm:pt modelId="{535B1698-92B3-49A2-AED3-CDE43C6E4C53}" type="pres">
      <dgm:prSet presAssocID="{3A3B0F17-C5C9-4E17-A64A-4C84AD41AB2D}" presName="sibTrans" presStyleLbl="sibTrans2D1" presStyleIdx="5" presStyleCnt="6"/>
      <dgm:spPr/>
      <dgm:t>
        <a:bodyPr/>
        <a:lstStyle/>
        <a:p>
          <a:endParaRPr lang="en-US"/>
        </a:p>
      </dgm:t>
    </dgm:pt>
    <dgm:pt modelId="{70038F22-0BF4-45E8-98CB-D6CC13998385}" type="pres">
      <dgm:prSet presAssocID="{3A3B0F17-C5C9-4E17-A64A-4C84AD41AB2D}" presName="connectorText" presStyleLbl="sibTrans2D1" presStyleIdx="5" presStyleCnt="6"/>
      <dgm:spPr/>
      <dgm:t>
        <a:bodyPr/>
        <a:lstStyle/>
        <a:p>
          <a:endParaRPr lang="en-US"/>
        </a:p>
      </dgm:t>
    </dgm:pt>
    <dgm:pt modelId="{BAC1C697-CA39-4F60-9444-A4FECFF1437F}" type="pres">
      <dgm:prSet presAssocID="{12A982D4-AD21-4FE9-A728-59DD2AAA62B7}" presName="node" presStyleLbl="node1" presStyleIdx="6" presStyleCnt="7">
        <dgm:presLayoutVars>
          <dgm:bulletEnabled val="1"/>
        </dgm:presLayoutVars>
      </dgm:prSet>
      <dgm:spPr/>
      <dgm:t>
        <a:bodyPr/>
        <a:lstStyle/>
        <a:p>
          <a:endParaRPr lang="en-US"/>
        </a:p>
      </dgm:t>
    </dgm:pt>
  </dgm:ptLst>
  <dgm:cxnLst>
    <dgm:cxn modelId="{E42247EC-8C3B-4FB7-96F6-6B1496D5D0CD}" srcId="{2E9EF2A9-8552-48E9-B742-051047FF8904}" destId="{83811246-8633-433C-B3DC-9AB2F84EFC82}" srcOrd="0" destOrd="0" parTransId="{A30B9697-701B-45B2-BF9A-7B71E4F7DD19}" sibTransId="{C552395D-3BB6-4A8A-85D2-7EFA6F7BA5B7}"/>
    <dgm:cxn modelId="{30F66984-0DB3-4A44-9E8A-A37F44FDE8F3}" type="presOf" srcId="{83811246-8633-433C-B3DC-9AB2F84EFC82}" destId="{2CBD2B32-89E9-4BB2-A17E-6F183838370D}" srcOrd="0" destOrd="0" presId="urn:microsoft.com/office/officeart/2005/8/layout/process1"/>
    <dgm:cxn modelId="{D15470D1-6B4E-4B54-8625-1C54265BD56F}" type="presOf" srcId="{A05EEB5F-D861-4198-891B-4D222D764CBA}" destId="{DE814FE5-E9D2-48B7-AA58-BB9720CD08A7}" srcOrd="1" destOrd="0" presId="urn:microsoft.com/office/officeart/2005/8/layout/process1"/>
    <dgm:cxn modelId="{3A65F8E5-D86B-4649-89C1-7DAE1E408A68}" type="presOf" srcId="{A05EEB5F-D861-4198-891B-4D222D764CBA}" destId="{7939467F-A3C1-4928-8C1B-2BB4B8EF0072}" srcOrd="0" destOrd="0" presId="urn:microsoft.com/office/officeart/2005/8/layout/process1"/>
    <dgm:cxn modelId="{314E010E-2A65-433E-9CE8-5131FCD558DA}" srcId="{2E9EF2A9-8552-48E9-B742-051047FF8904}" destId="{A8B86A6D-9AA0-4247-A9EE-F87AE3133742}" srcOrd="4" destOrd="0" parTransId="{DE395B4E-4FCF-4FC2-B4C6-7D6D9296AAA3}" sibTransId="{A0F6FD9F-A2AA-4C26-A09D-DA7328150E05}"/>
    <dgm:cxn modelId="{5E0B5566-0F20-4A87-8700-51C024B39788}" srcId="{2E9EF2A9-8552-48E9-B742-051047FF8904}" destId="{37FA3F0C-24EE-440B-90F2-55C96DBB59FE}" srcOrd="1" destOrd="0" parTransId="{8848365F-3D27-4626-B803-6AC9BBEDA729}" sibTransId="{A05EEB5F-D861-4198-891B-4D222D764CBA}"/>
    <dgm:cxn modelId="{A3428033-640E-4D87-99A3-EB4671CF5B3B}" srcId="{2E9EF2A9-8552-48E9-B742-051047FF8904}" destId="{37A7C7C9-60BF-47DA-A789-E6AB47E61953}" srcOrd="2" destOrd="0" parTransId="{C71D2752-74A1-456D-AC44-00BD6AC150E5}" sibTransId="{C7415AA6-A842-4AB9-8DAD-D2BD3EABFB25}"/>
    <dgm:cxn modelId="{A78C2CE9-8E11-466D-ACEC-5F0B99F9510A}" srcId="{2E9EF2A9-8552-48E9-B742-051047FF8904}" destId="{12A982D4-AD21-4FE9-A728-59DD2AAA62B7}" srcOrd="6" destOrd="0" parTransId="{F4558394-7E00-47F0-BFDE-EDD29C68778F}" sibTransId="{620F8DB0-6293-4CC3-B7E0-77AB9DB7BB85}"/>
    <dgm:cxn modelId="{5A925051-2DDE-4A08-B4EC-FB68B4D2F9FF}" type="presOf" srcId="{A8B86A6D-9AA0-4247-A9EE-F87AE3133742}" destId="{18A6CE14-701C-4E75-A63D-F57E49016B45}" srcOrd="0" destOrd="0" presId="urn:microsoft.com/office/officeart/2005/8/layout/process1"/>
    <dgm:cxn modelId="{849E442B-420D-4408-88D9-ECC62499C8D1}" srcId="{2E9EF2A9-8552-48E9-B742-051047FF8904}" destId="{8E89E9F3-F1FB-4A19-8665-CBC64517527F}" srcOrd="5" destOrd="0" parTransId="{6BD0026B-7E5F-4561-B701-D9882C227C42}" sibTransId="{3A3B0F17-C5C9-4E17-A64A-4C84AD41AB2D}"/>
    <dgm:cxn modelId="{6008C292-65C7-4BD2-A469-356058941D1A}" type="presOf" srcId="{C552395D-3BB6-4A8A-85D2-7EFA6F7BA5B7}" destId="{4BDFCC0B-4FBE-4EA3-88A4-41B7877E2DDB}" srcOrd="0" destOrd="0" presId="urn:microsoft.com/office/officeart/2005/8/layout/process1"/>
    <dgm:cxn modelId="{615AD3B3-C57B-4BB5-A6D3-1D9A6380698C}" type="presOf" srcId="{37A7C7C9-60BF-47DA-A789-E6AB47E61953}" destId="{57BFB2C4-223B-4F64-A492-774E1D58ECD9}" srcOrd="0" destOrd="0" presId="urn:microsoft.com/office/officeart/2005/8/layout/process1"/>
    <dgm:cxn modelId="{FB89FCCE-8D55-457E-AD05-6329FDF30D32}" type="presOf" srcId="{2E9EF2A9-8552-48E9-B742-051047FF8904}" destId="{84E19719-8986-4374-87F7-749C2D17BE06}" srcOrd="0" destOrd="0" presId="urn:microsoft.com/office/officeart/2005/8/layout/process1"/>
    <dgm:cxn modelId="{84B82401-064C-4445-B350-23157051311B}" type="presOf" srcId="{12A982D4-AD21-4FE9-A728-59DD2AAA62B7}" destId="{BAC1C697-CA39-4F60-9444-A4FECFF1437F}" srcOrd="0" destOrd="0" presId="urn:microsoft.com/office/officeart/2005/8/layout/process1"/>
    <dgm:cxn modelId="{E708F7C8-8429-4DC6-A0AE-963500387522}" type="presOf" srcId="{DDF89E44-A9BE-452E-87A7-23327383BE06}" destId="{F6DA041F-3BFF-468C-9D23-E6BDEAE67857}" srcOrd="0" destOrd="0" presId="urn:microsoft.com/office/officeart/2005/8/layout/process1"/>
    <dgm:cxn modelId="{F376EC4F-DB67-4CB4-A5E0-FBF408BC1677}" type="presOf" srcId="{D9F0593A-57DE-4246-823D-7055C6476CA7}" destId="{51234241-2F82-4B59-B4B1-1722990AACF1}" srcOrd="0" destOrd="0" presId="urn:microsoft.com/office/officeart/2005/8/layout/process1"/>
    <dgm:cxn modelId="{04153A63-CD55-4D76-8BF5-20C6C4B27559}" type="presOf" srcId="{C552395D-3BB6-4A8A-85D2-7EFA6F7BA5B7}" destId="{41EC2CB5-9EC5-4FFF-B0D5-1CED7880AC13}" srcOrd="1" destOrd="0" presId="urn:microsoft.com/office/officeart/2005/8/layout/process1"/>
    <dgm:cxn modelId="{7CB8A95E-0738-4570-95A6-733DE9846170}" type="presOf" srcId="{C7415AA6-A842-4AB9-8DAD-D2BD3EABFB25}" destId="{4319EAF0-0922-4C5A-B59C-15E765C46F41}" srcOrd="1" destOrd="0" presId="urn:microsoft.com/office/officeart/2005/8/layout/process1"/>
    <dgm:cxn modelId="{C9D775BA-E146-4197-A8BD-47D0B4407622}" type="presOf" srcId="{D9F0593A-57DE-4246-823D-7055C6476CA7}" destId="{DA10B791-33C7-43B3-BCF0-2341374568A1}" srcOrd="1" destOrd="0" presId="urn:microsoft.com/office/officeart/2005/8/layout/process1"/>
    <dgm:cxn modelId="{0649DA36-B6A6-421A-A5D0-E6E71DDD531B}" type="presOf" srcId="{8E89E9F3-F1FB-4A19-8665-CBC64517527F}" destId="{867F8DBA-30B3-4774-B19C-4A3177603398}" srcOrd="0" destOrd="0" presId="urn:microsoft.com/office/officeart/2005/8/layout/process1"/>
    <dgm:cxn modelId="{793EF58B-BEA2-4F7E-A390-8F4EE0287F4C}" type="presOf" srcId="{3A3B0F17-C5C9-4E17-A64A-4C84AD41AB2D}" destId="{535B1698-92B3-49A2-AED3-CDE43C6E4C53}" srcOrd="0" destOrd="0" presId="urn:microsoft.com/office/officeart/2005/8/layout/process1"/>
    <dgm:cxn modelId="{00FD0D59-1DD9-48B4-BA16-B26554C0B4B4}" srcId="{2E9EF2A9-8552-48E9-B742-051047FF8904}" destId="{DDF89E44-A9BE-452E-87A7-23327383BE06}" srcOrd="3" destOrd="0" parTransId="{2D961AA4-10FE-4CCC-A3C6-580C823466DC}" sibTransId="{D9F0593A-57DE-4246-823D-7055C6476CA7}"/>
    <dgm:cxn modelId="{51F1082F-B27C-447D-9C7C-C5DC54F33D91}" type="presOf" srcId="{37FA3F0C-24EE-440B-90F2-55C96DBB59FE}" destId="{AEB96E87-D807-4E4B-9FC5-158B422B4D6A}" srcOrd="0" destOrd="0" presId="urn:microsoft.com/office/officeart/2005/8/layout/process1"/>
    <dgm:cxn modelId="{1A4F1600-9B63-4EB5-9ED6-D0F4B997866F}" type="presOf" srcId="{A0F6FD9F-A2AA-4C26-A09D-DA7328150E05}" destId="{00D342C2-30E5-4C4F-A665-214CCE5387DE}" srcOrd="0" destOrd="0" presId="urn:microsoft.com/office/officeart/2005/8/layout/process1"/>
    <dgm:cxn modelId="{F7DE7921-7CD5-45F7-BB9A-76D0C3111D03}" type="presOf" srcId="{C7415AA6-A842-4AB9-8DAD-D2BD3EABFB25}" destId="{83861EAB-0FAC-43E2-B876-98CB491762E1}" srcOrd="0" destOrd="0" presId="urn:microsoft.com/office/officeart/2005/8/layout/process1"/>
    <dgm:cxn modelId="{F0E25892-8399-40F3-BF2D-3F52AB030690}" type="presOf" srcId="{3A3B0F17-C5C9-4E17-A64A-4C84AD41AB2D}" destId="{70038F22-0BF4-45E8-98CB-D6CC13998385}" srcOrd="1" destOrd="0" presId="urn:microsoft.com/office/officeart/2005/8/layout/process1"/>
    <dgm:cxn modelId="{B351DBBF-5EB2-4AAF-B39C-966D1C8917AD}" type="presOf" srcId="{A0F6FD9F-A2AA-4C26-A09D-DA7328150E05}" destId="{233763AE-E340-495D-92D8-F8A2230CB3D1}" srcOrd="1" destOrd="0" presId="urn:microsoft.com/office/officeart/2005/8/layout/process1"/>
    <dgm:cxn modelId="{A667DB5E-8538-42CC-8222-14E3BDA213A9}" type="presParOf" srcId="{84E19719-8986-4374-87F7-749C2D17BE06}" destId="{2CBD2B32-89E9-4BB2-A17E-6F183838370D}" srcOrd="0" destOrd="0" presId="urn:microsoft.com/office/officeart/2005/8/layout/process1"/>
    <dgm:cxn modelId="{690BF516-3C67-47AB-B797-EC735B7788C0}" type="presParOf" srcId="{84E19719-8986-4374-87F7-749C2D17BE06}" destId="{4BDFCC0B-4FBE-4EA3-88A4-41B7877E2DDB}" srcOrd="1" destOrd="0" presId="urn:microsoft.com/office/officeart/2005/8/layout/process1"/>
    <dgm:cxn modelId="{281CFD4A-B275-4A51-8077-6D4ABD2AD0CF}" type="presParOf" srcId="{4BDFCC0B-4FBE-4EA3-88A4-41B7877E2DDB}" destId="{41EC2CB5-9EC5-4FFF-B0D5-1CED7880AC13}" srcOrd="0" destOrd="0" presId="urn:microsoft.com/office/officeart/2005/8/layout/process1"/>
    <dgm:cxn modelId="{E8D686D3-311B-459D-BF8E-2BE801237691}" type="presParOf" srcId="{84E19719-8986-4374-87F7-749C2D17BE06}" destId="{AEB96E87-D807-4E4B-9FC5-158B422B4D6A}" srcOrd="2" destOrd="0" presId="urn:microsoft.com/office/officeart/2005/8/layout/process1"/>
    <dgm:cxn modelId="{C7C87182-FA18-476C-ABB0-4133D253F6E8}" type="presParOf" srcId="{84E19719-8986-4374-87F7-749C2D17BE06}" destId="{7939467F-A3C1-4928-8C1B-2BB4B8EF0072}" srcOrd="3" destOrd="0" presId="urn:microsoft.com/office/officeart/2005/8/layout/process1"/>
    <dgm:cxn modelId="{189B5606-BEF3-4C40-B1AA-184EFDB4CB69}" type="presParOf" srcId="{7939467F-A3C1-4928-8C1B-2BB4B8EF0072}" destId="{DE814FE5-E9D2-48B7-AA58-BB9720CD08A7}" srcOrd="0" destOrd="0" presId="urn:microsoft.com/office/officeart/2005/8/layout/process1"/>
    <dgm:cxn modelId="{2679E03E-838B-441F-8C9A-D88A3B9C8A8D}" type="presParOf" srcId="{84E19719-8986-4374-87F7-749C2D17BE06}" destId="{57BFB2C4-223B-4F64-A492-774E1D58ECD9}" srcOrd="4" destOrd="0" presId="urn:microsoft.com/office/officeart/2005/8/layout/process1"/>
    <dgm:cxn modelId="{723B3F15-D44F-4E82-8B58-065099A590BC}" type="presParOf" srcId="{84E19719-8986-4374-87F7-749C2D17BE06}" destId="{83861EAB-0FAC-43E2-B876-98CB491762E1}" srcOrd="5" destOrd="0" presId="urn:microsoft.com/office/officeart/2005/8/layout/process1"/>
    <dgm:cxn modelId="{7E12DD5A-3134-44A0-92F7-43CB51E4326E}" type="presParOf" srcId="{83861EAB-0FAC-43E2-B876-98CB491762E1}" destId="{4319EAF0-0922-4C5A-B59C-15E765C46F41}" srcOrd="0" destOrd="0" presId="urn:microsoft.com/office/officeart/2005/8/layout/process1"/>
    <dgm:cxn modelId="{3EB78B1B-79F8-4E5B-A6D4-26DD72FD76E7}" type="presParOf" srcId="{84E19719-8986-4374-87F7-749C2D17BE06}" destId="{F6DA041F-3BFF-468C-9D23-E6BDEAE67857}" srcOrd="6" destOrd="0" presId="urn:microsoft.com/office/officeart/2005/8/layout/process1"/>
    <dgm:cxn modelId="{3775D243-5869-41AF-8F48-75850892127E}" type="presParOf" srcId="{84E19719-8986-4374-87F7-749C2D17BE06}" destId="{51234241-2F82-4B59-B4B1-1722990AACF1}" srcOrd="7" destOrd="0" presId="urn:microsoft.com/office/officeart/2005/8/layout/process1"/>
    <dgm:cxn modelId="{E969FA68-BBA5-4A82-8842-F59EA2AF47D6}" type="presParOf" srcId="{51234241-2F82-4B59-B4B1-1722990AACF1}" destId="{DA10B791-33C7-43B3-BCF0-2341374568A1}" srcOrd="0" destOrd="0" presId="urn:microsoft.com/office/officeart/2005/8/layout/process1"/>
    <dgm:cxn modelId="{059ED762-B555-401B-AD85-218F5B2C40DE}" type="presParOf" srcId="{84E19719-8986-4374-87F7-749C2D17BE06}" destId="{18A6CE14-701C-4E75-A63D-F57E49016B45}" srcOrd="8" destOrd="0" presId="urn:microsoft.com/office/officeart/2005/8/layout/process1"/>
    <dgm:cxn modelId="{48477724-153B-4F96-A1EC-56E3549EAA1F}" type="presParOf" srcId="{84E19719-8986-4374-87F7-749C2D17BE06}" destId="{00D342C2-30E5-4C4F-A665-214CCE5387DE}" srcOrd="9" destOrd="0" presId="urn:microsoft.com/office/officeart/2005/8/layout/process1"/>
    <dgm:cxn modelId="{60A6B290-2076-4DA1-8381-99E06866A51B}" type="presParOf" srcId="{00D342C2-30E5-4C4F-A665-214CCE5387DE}" destId="{233763AE-E340-495D-92D8-F8A2230CB3D1}" srcOrd="0" destOrd="0" presId="urn:microsoft.com/office/officeart/2005/8/layout/process1"/>
    <dgm:cxn modelId="{94C81B04-0AD2-4E8F-8E8A-8B254D2369B3}" type="presParOf" srcId="{84E19719-8986-4374-87F7-749C2D17BE06}" destId="{867F8DBA-30B3-4774-B19C-4A3177603398}" srcOrd="10" destOrd="0" presId="urn:microsoft.com/office/officeart/2005/8/layout/process1"/>
    <dgm:cxn modelId="{8C186B35-327D-4503-BD02-910FDE330CDF}" type="presParOf" srcId="{84E19719-8986-4374-87F7-749C2D17BE06}" destId="{535B1698-92B3-49A2-AED3-CDE43C6E4C53}" srcOrd="11" destOrd="0" presId="urn:microsoft.com/office/officeart/2005/8/layout/process1"/>
    <dgm:cxn modelId="{95D69601-D87F-4756-99A3-1872E434F249}" type="presParOf" srcId="{535B1698-92B3-49A2-AED3-CDE43C6E4C53}" destId="{70038F22-0BF4-45E8-98CB-D6CC13998385}" srcOrd="0" destOrd="0" presId="urn:microsoft.com/office/officeart/2005/8/layout/process1"/>
    <dgm:cxn modelId="{E5EC404C-D879-4594-A85B-82236DB5A1B7}" type="presParOf" srcId="{84E19719-8986-4374-87F7-749C2D17BE06}" destId="{BAC1C697-CA39-4F60-9444-A4FECFF1437F}" srcOrd="12" destOrd="0" presId="urn:microsoft.com/office/officeart/2005/8/layout/process1"/>
  </dgm:cxnLst>
  <dgm:bg/>
  <dgm:whole/>
  <dgm:extLst>
    <a:ext uri="http://schemas.microsoft.com/office/drawing/2008/diagram">
      <dsp:dataModelExt xmlns:dsp="http://schemas.microsoft.com/office/drawing/2008/diagram" relId="rId14"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2E9EF2A9-8552-48E9-B742-051047FF8904}" type="doc">
      <dgm:prSet loTypeId="urn:microsoft.com/office/officeart/2005/8/layout/process1" loCatId="process" qsTypeId="urn:microsoft.com/office/officeart/2005/8/quickstyle/simple1" qsCatId="simple" csTypeId="urn:microsoft.com/office/officeart/2005/8/colors/accent0_1" csCatId="mainScheme" phldr="1"/>
      <dgm:spPr/>
    </dgm:pt>
    <dgm:pt modelId="{7FAB60BD-CE96-467A-8B14-A0BAA0B77107}">
      <dgm:prSet phldrT="[Text]" custT="1"/>
      <dgm:spPr/>
      <dgm:t>
        <a:bodyPr/>
        <a:lstStyle/>
        <a:p>
          <a:r>
            <a:rPr lang="en-US" sz="1050" noProof="0"/>
            <a:t>DNA extraction</a:t>
          </a:r>
        </a:p>
      </dgm:t>
    </dgm:pt>
    <dgm:pt modelId="{42F9782B-E8D6-4902-A722-50E3A1BA3AB4}" type="parTrans" cxnId="{4190255B-BD5F-409A-B94A-BA376B6F4A49}">
      <dgm:prSet/>
      <dgm:spPr/>
      <dgm:t>
        <a:bodyPr/>
        <a:lstStyle/>
        <a:p>
          <a:endParaRPr lang="da-DK" sz="2400"/>
        </a:p>
      </dgm:t>
    </dgm:pt>
    <dgm:pt modelId="{872C7A10-66B6-4C06-8EE4-773306EBF2A5}" type="sibTrans" cxnId="{4190255B-BD5F-409A-B94A-BA376B6F4A49}">
      <dgm:prSet custT="1"/>
      <dgm:spPr/>
      <dgm:t>
        <a:bodyPr/>
        <a:lstStyle/>
        <a:p>
          <a:endParaRPr lang="da-DK" sz="1000"/>
        </a:p>
      </dgm:t>
    </dgm:pt>
    <dgm:pt modelId="{E61B7DCF-0BF0-4F08-B366-B909023B1043}">
      <dgm:prSet phldrT="[Text]" custT="1"/>
      <dgm:spPr/>
      <dgm:t>
        <a:bodyPr/>
        <a:lstStyle/>
        <a:p>
          <a:r>
            <a:rPr lang="en-US" sz="1050" noProof="0"/>
            <a:t>Sequencing</a:t>
          </a:r>
        </a:p>
      </dgm:t>
    </dgm:pt>
    <dgm:pt modelId="{84234C5F-C6E9-40F0-ACAD-A3C9F9CF8952}" type="parTrans" cxnId="{2533D2CD-2026-4BFF-B37E-387B764DD80E}">
      <dgm:prSet/>
      <dgm:spPr/>
      <dgm:t>
        <a:bodyPr/>
        <a:lstStyle/>
        <a:p>
          <a:endParaRPr lang="da-DK" sz="2400"/>
        </a:p>
      </dgm:t>
    </dgm:pt>
    <dgm:pt modelId="{D2F73B9B-4884-41FE-B9AF-519789C3A448}" type="sibTrans" cxnId="{2533D2CD-2026-4BFF-B37E-387B764DD80E}">
      <dgm:prSet custT="1"/>
      <dgm:spPr/>
      <dgm:t>
        <a:bodyPr/>
        <a:lstStyle/>
        <a:p>
          <a:endParaRPr lang="da-DK" sz="1000"/>
        </a:p>
      </dgm:t>
    </dgm:pt>
    <dgm:pt modelId="{1A08C3AE-860A-4B97-936F-45C974D760DB}">
      <dgm:prSet phldrT="[Text]" custT="1"/>
      <dgm:spPr/>
      <dgm:t>
        <a:bodyPr/>
        <a:lstStyle/>
        <a:p>
          <a:r>
            <a:rPr lang="en-US" sz="1050" noProof="0"/>
            <a:t>Raw data QC</a:t>
          </a:r>
        </a:p>
      </dgm:t>
    </dgm:pt>
    <dgm:pt modelId="{47ABDD4E-508D-4770-9EF3-5BD2B231C94E}" type="parTrans" cxnId="{D32FEEB8-A6E1-471A-B294-60F73BD1B4C2}">
      <dgm:prSet/>
      <dgm:spPr/>
      <dgm:t>
        <a:bodyPr/>
        <a:lstStyle/>
        <a:p>
          <a:endParaRPr lang="da-DK" sz="2400"/>
        </a:p>
      </dgm:t>
    </dgm:pt>
    <dgm:pt modelId="{B97364EA-9BD7-430B-9EDF-61D1F35745A6}" type="sibTrans" cxnId="{D32FEEB8-A6E1-471A-B294-60F73BD1B4C2}">
      <dgm:prSet custT="1"/>
      <dgm:spPr/>
      <dgm:t>
        <a:bodyPr/>
        <a:lstStyle/>
        <a:p>
          <a:endParaRPr lang="da-DK" sz="1000"/>
        </a:p>
      </dgm:t>
    </dgm:pt>
    <dgm:pt modelId="{3C89A7C8-5856-44F5-8672-03D8BADAE2E1}">
      <dgm:prSet phldrT="[Text]" custT="1"/>
      <dgm:spPr/>
      <dgm:t>
        <a:bodyPr/>
        <a:lstStyle/>
        <a:p>
          <a:r>
            <a:rPr lang="en-US" sz="1050" noProof="0" dirty="0" smtClean="0"/>
            <a:t>Assembly</a:t>
          </a:r>
          <a:endParaRPr lang="en-US" sz="1050" noProof="0" dirty="0"/>
        </a:p>
      </dgm:t>
    </dgm:pt>
    <dgm:pt modelId="{742501AF-5472-4C64-8243-F59DA5B5AC3D}" type="parTrans" cxnId="{B3C20D69-6E80-4139-A721-68445A0233CC}">
      <dgm:prSet/>
      <dgm:spPr/>
      <dgm:t>
        <a:bodyPr/>
        <a:lstStyle/>
        <a:p>
          <a:endParaRPr lang="da-DK" sz="2400"/>
        </a:p>
      </dgm:t>
    </dgm:pt>
    <dgm:pt modelId="{B9B98F79-9919-4F16-9111-1EAFF6CD227E}" type="sibTrans" cxnId="{B3C20D69-6E80-4139-A721-68445A0233CC}">
      <dgm:prSet/>
      <dgm:spPr/>
      <dgm:t>
        <a:bodyPr/>
        <a:lstStyle/>
        <a:p>
          <a:endParaRPr lang="da-DK" sz="2400"/>
        </a:p>
      </dgm:t>
    </dgm:pt>
    <dgm:pt modelId="{2CBB9C69-D1F0-468B-8DA2-2EE98AB504BA}">
      <dgm:prSet phldrT="[Text]" custT="1"/>
      <dgm:spPr/>
      <dgm:t>
        <a:bodyPr/>
        <a:lstStyle/>
        <a:p>
          <a:r>
            <a:rPr lang="en-US" sz="1050" noProof="0"/>
            <a:t>Sample selection</a:t>
          </a:r>
        </a:p>
      </dgm:t>
    </dgm:pt>
    <dgm:pt modelId="{E68E8D9A-AB5D-4717-AD8A-026860D70D4D}" type="parTrans" cxnId="{D95AAF23-7E41-459C-9188-7C13ADFED60F}">
      <dgm:prSet/>
      <dgm:spPr/>
      <dgm:t>
        <a:bodyPr/>
        <a:lstStyle/>
        <a:p>
          <a:endParaRPr lang="da-DK"/>
        </a:p>
      </dgm:t>
    </dgm:pt>
    <dgm:pt modelId="{D9638ACF-389D-4923-B402-A10837E8AAF5}" type="sibTrans" cxnId="{D95AAF23-7E41-459C-9188-7C13ADFED60F}">
      <dgm:prSet/>
      <dgm:spPr/>
      <dgm:t>
        <a:bodyPr/>
        <a:lstStyle/>
        <a:p>
          <a:endParaRPr lang="da-DK"/>
        </a:p>
      </dgm:t>
    </dgm:pt>
    <dgm:pt modelId="{A2F0A618-DCBC-4F46-8FA9-CCF121BCDCD0}">
      <dgm:prSet phldrT="[Text]" custT="1"/>
      <dgm:spPr/>
      <dgm:t>
        <a:bodyPr/>
        <a:lstStyle/>
        <a:p>
          <a:r>
            <a:rPr lang="da-DK" sz="1050"/>
            <a:t>DNA QC</a:t>
          </a:r>
        </a:p>
      </dgm:t>
    </dgm:pt>
    <dgm:pt modelId="{B2710DE0-4852-4FA0-A94A-997E95691E11}" type="parTrans" cxnId="{214CD4B6-1D9D-4EA4-923A-2212EB157B2E}">
      <dgm:prSet/>
      <dgm:spPr/>
      <dgm:t>
        <a:bodyPr/>
        <a:lstStyle/>
        <a:p>
          <a:endParaRPr lang="da-DK"/>
        </a:p>
      </dgm:t>
    </dgm:pt>
    <dgm:pt modelId="{5AA74EED-E4C2-41A5-BAC0-D5686669B11D}" type="sibTrans" cxnId="{214CD4B6-1D9D-4EA4-923A-2212EB157B2E}">
      <dgm:prSet/>
      <dgm:spPr/>
      <dgm:t>
        <a:bodyPr/>
        <a:lstStyle/>
        <a:p>
          <a:endParaRPr lang="da-DK"/>
        </a:p>
      </dgm:t>
    </dgm:pt>
    <dgm:pt modelId="{D4F59EB6-DF30-48E3-8D33-BE60EA53D7F7}">
      <dgm:prSet phldrT="[Text]" custT="1"/>
      <dgm:spPr/>
      <dgm:t>
        <a:bodyPr/>
        <a:lstStyle/>
        <a:p>
          <a:r>
            <a:rPr lang="da-DK" sz="1050"/>
            <a:t>Library </a:t>
          </a:r>
          <a:r>
            <a:rPr lang="en-US" sz="1050" noProof="0"/>
            <a:t>preparation</a:t>
          </a:r>
        </a:p>
      </dgm:t>
    </dgm:pt>
    <dgm:pt modelId="{31FB17EC-97AD-4FDF-A77D-ABB8F935FA4B}" type="parTrans" cxnId="{3F8B865E-FCFF-47B2-95DD-F9FD1D56EF3D}">
      <dgm:prSet/>
      <dgm:spPr/>
      <dgm:t>
        <a:bodyPr/>
        <a:lstStyle/>
        <a:p>
          <a:endParaRPr lang="da-DK"/>
        </a:p>
      </dgm:t>
    </dgm:pt>
    <dgm:pt modelId="{0D339400-71AE-4D8F-953D-29F1059DEC30}" type="sibTrans" cxnId="{3F8B865E-FCFF-47B2-95DD-F9FD1D56EF3D}">
      <dgm:prSet/>
      <dgm:spPr/>
      <dgm:t>
        <a:bodyPr/>
        <a:lstStyle/>
        <a:p>
          <a:endParaRPr lang="da-DK"/>
        </a:p>
      </dgm:t>
    </dgm:pt>
    <dgm:pt modelId="{DB85CB49-4ACC-45B5-B301-44408CE17FEA}">
      <dgm:prSet phldrT="[Text]" custT="1"/>
      <dgm:spPr/>
      <dgm:t>
        <a:bodyPr/>
        <a:lstStyle/>
        <a:p>
          <a:r>
            <a:rPr lang="en-US" sz="1050" noProof="0"/>
            <a:t>Sample prep</a:t>
          </a:r>
        </a:p>
      </dgm:t>
    </dgm:pt>
    <dgm:pt modelId="{10326984-DF58-4A62-BD2A-DD010C18E498}" type="parTrans" cxnId="{EB291B38-E699-42BC-AA74-3DD06CAB696A}">
      <dgm:prSet/>
      <dgm:spPr/>
      <dgm:t>
        <a:bodyPr/>
        <a:lstStyle/>
        <a:p>
          <a:endParaRPr lang="da-DK"/>
        </a:p>
      </dgm:t>
    </dgm:pt>
    <dgm:pt modelId="{DE439180-8E3F-4E03-8A0A-C3F4B78BCEF4}" type="sibTrans" cxnId="{EB291B38-E699-42BC-AA74-3DD06CAB696A}">
      <dgm:prSet/>
      <dgm:spPr/>
      <dgm:t>
        <a:bodyPr/>
        <a:lstStyle/>
        <a:p>
          <a:endParaRPr lang="da-DK"/>
        </a:p>
      </dgm:t>
    </dgm:pt>
    <dgm:pt modelId="{84E19719-8986-4374-87F7-749C2D17BE06}" type="pres">
      <dgm:prSet presAssocID="{2E9EF2A9-8552-48E9-B742-051047FF8904}" presName="Name0" presStyleCnt="0">
        <dgm:presLayoutVars>
          <dgm:dir/>
          <dgm:resizeHandles val="exact"/>
        </dgm:presLayoutVars>
      </dgm:prSet>
      <dgm:spPr/>
    </dgm:pt>
    <dgm:pt modelId="{A90361FD-78B4-4F90-AD65-27C93BD8561D}" type="pres">
      <dgm:prSet presAssocID="{2CBB9C69-D1F0-468B-8DA2-2EE98AB504BA}" presName="node" presStyleLbl="node1" presStyleIdx="0" presStyleCnt="8">
        <dgm:presLayoutVars>
          <dgm:bulletEnabled val="1"/>
        </dgm:presLayoutVars>
      </dgm:prSet>
      <dgm:spPr/>
      <dgm:t>
        <a:bodyPr/>
        <a:lstStyle/>
        <a:p>
          <a:endParaRPr lang="en-US"/>
        </a:p>
      </dgm:t>
    </dgm:pt>
    <dgm:pt modelId="{973BDC75-F7B2-4FCB-978E-341BA8529062}" type="pres">
      <dgm:prSet presAssocID="{D9638ACF-389D-4923-B402-A10837E8AAF5}" presName="sibTrans" presStyleLbl="sibTrans2D1" presStyleIdx="0" presStyleCnt="7"/>
      <dgm:spPr/>
      <dgm:t>
        <a:bodyPr/>
        <a:lstStyle/>
        <a:p>
          <a:endParaRPr lang="en-US"/>
        </a:p>
      </dgm:t>
    </dgm:pt>
    <dgm:pt modelId="{C6F15A0E-0121-4F7D-BB02-67E0ECA41C3A}" type="pres">
      <dgm:prSet presAssocID="{D9638ACF-389D-4923-B402-A10837E8AAF5}" presName="connectorText" presStyleLbl="sibTrans2D1" presStyleIdx="0" presStyleCnt="7"/>
      <dgm:spPr/>
      <dgm:t>
        <a:bodyPr/>
        <a:lstStyle/>
        <a:p>
          <a:endParaRPr lang="en-US"/>
        </a:p>
      </dgm:t>
    </dgm:pt>
    <dgm:pt modelId="{651AC008-1D50-4371-8EC8-7B2B18D2F57A}" type="pres">
      <dgm:prSet presAssocID="{DB85CB49-4ACC-45B5-B301-44408CE17FEA}" presName="node" presStyleLbl="node1" presStyleIdx="1" presStyleCnt="8">
        <dgm:presLayoutVars>
          <dgm:bulletEnabled val="1"/>
        </dgm:presLayoutVars>
      </dgm:prSet>
      <dgm:spPr/>
      <dgm:t>
        <a:bodyPr/>
        <a:lstStyle/>
        <a:p>
          <a:endParaRPr lang="en-US"/>
        </a:p>
      </dgm:t>
    </dgm:pt>
    <dgm:pt modelId="{8406A6C1-1569-4A6D-A3AB-208926C1A978}" type="pres">
      <dgm:prSet presAssocID="{DE439180-8E3F-4E03-8A0A-C3F4B78BCEF4}" presName="sibTrans" presStyleLbl="sibTrans2D1" presStyleIdx="1" presStyleCnt="7"/>
      <dgm:spPr/>
      <dgm:t>
        <a:bodyPr/>
        <a:lstStyle/>
        <a:p>
          <a:endParaRPr lang="en-US"/>
        </a:p>
      </dgm:t>
    </dgm:pt>
    <dgm:pt modelId="{EF8EC408-E50F-4AAD-B0B4-46673B105808}" type="pres">
      <dgm:prSet presAssocID="{DE439180-8E3F-4E03-8A0A-C3F4B78BCEF4}" presName="connectorText" presStyleLbl="sibTrans2D1" presStyleIdx="1" presStyleCnt="7"/>
      <dgm:spPr/>
      <dgm:t>
        <a:bodyPr/>
        <a:lstStyle/>
        <a:p>
          <a:endParaRPr lang="en-US"/>
        </a:p>
      </dgm:t>
    </dgm:pt>
    <dgm:pt modelId="{BF27DF62-74D2-400C-9F1C-5506F10960BC}" type="pres">
      <dgm:prSet presAssocID="{7FAB60BD-CE96-467A-8B14-A0BAA0B77107}" presName="node" presStyleLbl="node1" presStyleIdx="2" presStyleCnt="8">
        <dgm:presLayoutVars>
          <dgm:bulletEnabled val="1"/>
        </dgm:presLayoutVars>
      </dgm:prSet>
      <dgm:spPr/>
      <dgm:t>
        <a:bodyPr/>
        <a:lstStyle/>
        <a:p>
          <a:endParaRPr lang="en-US"/>
        </a:p>
      </dgm:t>
    </dgm:pt>
    <dgm:pt modelId="{144BAB93-C958-4FB3-B98A-C84CCA22A01A}" type="pres">
      <dgm:prSet presAssocID="{872C7A10-66B6-4C06-8EE4-773306EBF2A5}" presName="sibTrans" presStyleLbl="sibTrans2D1" presStyleIdx="2" presStyleCnt="7"/>
      <dgm:spPr/>
      <dgm:t>
        <a:bodyPr/>
        <a:lstStyle/>
        <a:p>
          <a:endParaRPr lang="en-US"/>
        </a:p>
      </dgm:t>
    </dgm:pt>
    <dgm:pt modelId="{71E3D27A-5AB5-4E4E-8755-592DC001CA0E}" type="pres">
      <dgm:prSet presAssocID="{872C7A10-66B6-4C06-8EE4-773306EBF2A5}" presName="connectorText" presStyleLbl="sibTrans2D1" presStyleIdx="2" presStyleCnt="7"/>
      <dgm:spPr/>
      <dgm:t>
        <a:bodyPr/>
        <a:lstStyle/>
        <a:p>
          <a:endParaRPr lang="en-US"/>
        </a:p>
      </dgm:t>
    </dgm:pt>
    <dgm:pt modelId="{93F484C8-6A7D-4485-9E54-2DB9A244F338}" type="pres">
      <dgm:prSet presAssocID="{A2F0A618-DCBC-4F46-8FA9-CCF121BCDCD0}" presName="node" presStyleLbl="node1" presStyleIdx="3" presStyleCnt="8">
        <dgm:presLayoutVars>
          <dgm:bulletEnabled val="1"/>
        </dgm:presLayoutVars>
      </dgm:prSet>
      <dgm:spPr/>
      <dgm:t>
        <a:bodyPr/>
        <a:lstStyle/>
        <a:p>
          <a:endParaRPr lang="en-US"/>
        </a:p>
      </dgm:t>
    </dgm:pt>
    <dgm:pt modelId="{9CD1C022-467C-43DF-ABFA-DF8E83FF88F4}" type="pres">
      <dgm:prSet presAssocID="{5AA74EED-E4C2-41A5-BAC0-D5686669B11D}" presName="sibTrans" presStyleLbl="sibTrans2D1" presStyleIdx="3" presStyleCnt="7"/>
      <dgm:spPr/>
      <dgm:t>
        <a:bodyPr/>
        <a:lstStyle/>
        <a:p>
          <a:endParaRPr lang="en-US"/>
        </a:p>
      </dgm:t>
    </dgm:pt>
    <dgm:pt modelId="{DD6976DE-6D07-40A6-AC1C-772BAF5EB9A3}" type="pres">
      <dgm:prSet presAssocID="{5AA74EED-E4C2-41A5-BAC0-D5686669B11D}" presName="connectorText" presStyleLbl="sibTrans2D1" presStyleIdx="3" presStyleCnt="7"/>
      <dgm:spPr/>
      <dgm:t>
        <a:bodyPr/>
        <a:lstStyle/>
        <a:p>
          <a:endParaRPr lang="en-US"/>
        </a:p>
      </dgm:t>
    </dgm:pt>
    <dgm:pt modelId="{3C6A1E02-ED2C-47C1-A70F-FF715C92157C}" type="pres">
      <dgm:prSet presAssocID="{D4F59EB6-DF30-48E3-8D33-BE60EA53D7F7}" presName="node" presStyleLbl="node1" presStyleIdx="4" presStyleCnt="8">
        <dgm:presLayoutVars>
          <dgm:bulletEnabled val="1"/>
        </dgm:presLayoutVars>
      </dgm:prSet>
      <dgm:spPr/>
      <dgm:t>
        <a:bodyPr/>
        <a:lstStyle/>
        <a:p>
          <a:endParaRPr lang="en-US"/>
        </a:p>
      </dgm:t>
    </dgm:pt>
    <dgm:pt modelId="{CA79DDDF-EB50-4769-B1B8-F14F04C21C5A}" type="pres">
      <dgm:prSet presAssocID="{0D339400-71AE-4D8F-953D-29F1059DEC30}" presName="sibTrans" presStyleLbl="sibTrans2D1" presStyleIdx="4" presStyleCnt="7"/>
      <dgm:spPr/>
      <dgm:t>
        <a:bodyPr/>
        <a:lstStyle/>
        <a:p>
          <a:endParaRPr lang="en-US"/>
        </a:p>
      </dgm:t>
    </dgm:pt>
    <dgm:pt modelId="{7313B45F-3882-49EE-9B09-EA54F549E8C6}" type="pres">
      <dgm:prSet presAssocID="{0D339400-71AE-4D8F-953D-29F1059DEC30}" presName="connectorText" presStyleLbl="sibTrans2D1" presStyleIdx="4" presStyleCnt="7"/>
      <dgm:spPr/>
      <dgm:t>
        <a:bodyPr/>
        <a:lstStyle/>
        <a:p>
          <a:endParaRPr lang="en-US"/>
        </a:p>
      </dgm:t>
    </dgm:pt>
    <dgm:pt modelId="{604A7AF6-3C9D-489F-B818-8A6013D27B66}" type="pres">
      <dgm:prSet presAssocID="{E61B7DCF-0BF0-4F08-B366-B909023B1043}" presName="node" presStyleLbl="node1" presStyleIdx="5" presStyleCnt="8">
        <dgm:presLayoutVars>
          <dgm:bulletEnabled val="1"/>
        </dgm:presLayoutVars>
      </dgm:prSet>
      <dgm:spPr/>
      <dgm:t>
        <a:bodyPr/>
        <a:lstStyle/>
        <a:p>
          <a:endParaRPr lang="en-US"/>
        </a:p>
      </dgm:t>
    </dgm:pt>
    <dgm:pt modelId="{F94C3375-7CF3-4740-ABEB-399F0C8AE2D6}" type="pres">
      <dgm:prSet presAssocID="{D2F73B9B-4884-41FE-B9AF-519789C3A448}" presName="sibTrans" presStyleLbl="sibTrans2D1" presStyleIdx="5" presStyleCnt="7"/>
      <dgm:spPr/>
      <dgm:t>
        <a:bodyPr/>
        <a:lstStyle/>
        <a:p>
          <a:endParaRPr lang="en-US"/>
        </a:p>
      </dgm:t>
    </dgm:pt>
    <dgm:pt modelId="{1CC3E26E-5A80-4427-B3B8-D7E9E9592DCA}" type="pres">
      <dgm:prSet presAssocID="{D2F73B9B-4884-41FE-B9AF-519789C3A448}" presName="connectorText" presStyleLbl="sibTrans2D1" presStyleIdx="5" presStyleCnt="7"/>
      <dgm:spPr/>
      <dgm:t>
        <a:bodyPr/>
        <a:lstStyle/>
        <a:p>
          <a:endParaRPr lang="en-US"/>
        </a:p>
      </dgm:t>
    </dgm:pt>
    <dgm:pt modelId="{152C31CA-BFFB-4682-B5C5-4F97A63FBBE3}" type="pres">
      <dgm:prSet presAssocID="{1A08C3AE-860A-4B97-936F-45C974D760DB}" presName="node" presStyleLbl="node1" presStyleIdx="6" presStyleCnt="8">
        <dgm:presLayoutVars>
          <dgm:bulletEnabled val="1"/>
        </dgm:presLayoutVars>
      </dgm:prSet>
      <dgm:spPr/>
      <dgm:t>
        <a:bodyPr/>
        <a:lstStyle/>
        <a:p>
          <a:endParaRPr lang="en-US"/>
        </a:p>
      </dgm:t>
    </dgm:pt>
    <dgm:pt modelId="{63BB00CE-2B11-41FF-80C8-14184E013A8D}" type="pres">
      <dgm:prSet presAssocID="{B97364EA-9BD7-430B-9EDF-61D1F35745A6}" presName="sibTrans" presStyleLbl="sibTrans2D1" presStyleIdx="6" presStyleCnt="7"/>
      <dgm:spPr/>
      <dgm:t>
        <a:bodyPr/>
        <a:lstStyle/>
        <a:p>
          <a:endParaRPr lang="en-US"/>
        </a:p>
      </dgm:t>
    </dgm:pt>
    <dgm:pt modelId="{3B3472DB-65D5-4838-8023-369CCA10C3D9}" type="pres">
      <dgm:prSet presAssocID="{B97364EA-9BD7-430B-9EDF-61D1F35745A6}" presName="connectorText" presStyleLbl="sibTrans2D1" presStyleIdx="6" presStyleCnt="7"/>
      <dgm:spPr/>
      <dgm:t>
        <a:bodyPr/>
        <a:lstStyle/>
        <a:p>
          <a:endParaRPr lang="en-US"/>
        </a:p>
      </dgm:t>
    </dgm:pt>
    <dgm:pt modelId="{2598FA11-5F12-43A4-9361-4FEB9E623A32}" type="pres">
      <dgm:prSet presAssocID="{3C89A7C8-5856-44F5-8672-03D8BADAE2E1}" presName="node" presStyleLbl="node1" presStyleIdx="7" presStyleCnt="8">
        <dgm:presLayoutVars>
          <dgm:bulletEnabled val="1"/>
        </dgm:presLayoutVars>
      </dgm:prSet>
      <dgm:spPr/>
      <dgm:t>
        <a:bodyPr/>
        <a:lstStyle/>
        <a:p>
          <a:endParaRPr lang="en-US"/>
        </a:p>
      </dgm:t>
    </dgm:pt>
  </dgm:ptLst>
  <dgm:cxnLst>
    <dgm:cxn modelId="{E38CDE56-9033-4838-9458-05A383C7EB59}" type="presOf" srcId="{D4F59EB6-DF30-48E3-8D33-BE60EA53D7F7}" destId="{3C6A1E02-ED2C-47C1-A70F-FF715C92157C}" srcOrd="0" destOrd="0" presId="urn:microsoft.com/office/officeart/2005/8/layout/process1"/>
    <dgm:cxn modelId="{34C0E7FB-7E43-4BCC-9927-19DC43652983}" type="presOf" srcId="{B97364EA-9BD7-430B-9EDF-61D1F35745A6}" destId="{63BB00CE-2B11-41FF-80C8-14184E013A8D}" srcOrd="0" destOrd="0" presId="urn:microsoft.com/office/officeart/2005/8/layout/process1"/>
    <dgm:cxn modelId="{8C61BC7A-E3B6-47A2-B79F-31BEC88FBF17}" type="presOf" srcId="{B97364EA-9BD7-430B-9EDF-61D1F35745A6}" destId="{3B3472DB-65D5-4838-8023-369CCA10C3D9}" srcOrd="1" destOrd="0" presId="urn:microsoft.com/office/officeart/2005/8/layout/process1"/>
    <dgm:cxn modelId="{D32FEEB8-A6E1-471A-B294-60F73BD1B4C2}" srcId="{2E9EF2A9-8552-48E9-B742-051047FF8904}" destId="{1A08C3AE-860A-4B97-936F-45C974D760DB}" srcOrd="6" destOrd="0" parTransId="{47ABDD4E-508D-4770-9EF3-5BD2B231C94E}" sibTransId="{B97364EA-9BD7-430B-9EDF-61D1F35745A6}"/>
    <dgm:cxn modelId="{214CD4B6-1D9D-4EA4-923A-2212EB157B2E}" srcId="{2E9EF2A9-8552-48E9-B742-051047FF8904}" destId="{A2F0A618-DCBC-4F46-8FA9-CCF121BCDCD0}" srcOrd="3" destOrd="0" parTransId="{B2710DE0-4852-4FA0-A94A-997E95691E11}" sibTransId="{5AA74EED-E4C2-41A5-BAC0-D5686669B11D}"/>
    <dgm:cxn modelId="{A93A5245-D304-46D8-8464-C1892BA9AAD3}" type="presOf" srcId="{DB85CB49-4ACC-45B5-B301-44408CE17FEA}" destId="{651AC008-1D50-4371-8EC8-7B2B18D2F57A}" srcOrd="0" destOrd="0" presId="urn:microsoft.com/office/officeart/2005/8/layout/process1"/>
    <dgm:cxn modelId="{9AD25CC7-B2BE-4A12-9D33-81863E21636B}" type="presOf" srcId="{0D339400-71AE-4D8F-953D-29F1059DEC30}" destId="{CA79DDDF-EB50-4769-B1B8-F14F04C21C5A}" srcOrd="0" destOrd="0" presId="urn:microsoft.com/office/officeart/2005/8/layout/process1"/>
    <dgm:cxn modelId="{026B927C-2208-45E6-BFBF-ECD8C5245DCE}" type="presOf" srcId="{D9638ACF-389D-4923-B402-A10837E8AAF5}" destId="{C6F15A0E-0121-4F7D-BB02-67E0ECA41C3A}" srcOrd="1" destOrd="0" presId="urn:microsoft.com/office/officeart/2005/8/layout/process1"/>
    <dgm:cxn modelId="{FB89FCCE-8D55-457E-AD05-6329FDF30D32}" type="presOf" srcId="{2E9EF2A9-8552-48E9-B742-051047FF8904}" destId="{84E19719-8986-4374-87F7-749C2D17BE06}" srcOrd="0" destOrd="0" presId="urn:microsoft.com/office/officeart/2005/8/layout/process1"/>
    <dgm:cxn modelId="{4A7F3520-6193-4599-9278-80334CB57F56}" type="presOf" srcId="{2CBB9C69-D1F0-468B-8DA2-2EE98AB504BA}" destId="{A90361FD-78B4-4F90-AD65-27C93BD8561D}" srcOrd="0" destOrd="0" presId="urn:microsoft.com/office/officeart/2005/8/layout/process1"/>
    <dgm:cxn modelId="{E2E987E1-015B-40F3-8A5D-A175DC86EF34}" type="presOf" srcId="{E61B7DCF-0BF0-4F08-B366-B909023B1043}" destId="{604A7AF6-3C9D-489F-B818-8A6013D27B66}" srcOrd="0" destOrd="0" presId="urn:microsoft.com/office/officeart/2005/8/layout/process1"/>
    <dgm:cxn modelId="{3FDD3495-3333-4903-AB59-D983164C0282}" type="presOf" srcId="{DE439180-8E3F-4E03-8A0A-C3F4B78BCEF4}" destId="{EF8EC408-E50F-4AAD-B0B4-46673B105808}" srcOrd="1" destOrd="0" presId="urn:microsoft.com/office/officeart/2005/8/layout/process1"/>
    <dgm:cxn modelId="{D81B66D8-F292-4C23-8386-DC95F5E59B81}" type="presOf" srcId="{D9638ACF-389D-4923-B402-A10837E8AAF5}" destId="{973BDC75-F7B2-4FCB-978E-341BA8529062}" srcOrd="0" destOrd="0" presId="urn:microsoft.com/office/officeart/2005/8/layout/process1"/>
    <dgm:cxn modelId="{2533D2CD-2026-4BFF-B37E-387B764DD80E}" srcId="{2E9EF2A9-8552-48E9-B742-051047FF8904}" destId="{E61B7DCF-0BF0-4F08-B366-B909023B1043}" srcOrd="5" destOrd="0" parTransId="{84234C5F-C6E9-40F0-ACAD-A3C9F9CF8952}" sibTransId="{D2F73B9B-4884-41FE-B9AF-519789C3A448}"/>
    <dgm:cxn modelId="{BF9D5BC1-6641-47F7-8566-817BF02E5EE3}" type="presOf" srcId="{872C7A10-66B6-4C06-8EE4-773306EBF2A5}" destId="{144BAB93-C958-4FB3-B98A-C84CCA22A01A}" srcOrd="0" destOrd="0" presId="urn:microsoft.com/office/officeart/2005/8/layout/process1"/>
    <dgm:cxn modelId="{1C498B61-67B2-49DE-B245-A05FD9B57D2F}" type="presOf" srcId="{1A08C3AE-860A-4B97-936F-45C974D760DB}" destId="{152C31CA-BFFB-4682-B5C5-4F97A63FBBE3}" srcOrd="0" destOrd="0" presId="urn:microsoft.com/office/officeart/2005/8/layout/process1"/>
    <dgm:cxn modelId="{D95AAF23-7E41-459C-9188-7C13ADFED60F}" srcId="{2E9EF2A9-8552-48E9-B742-051047FF8904}" destId="{2CBB9C69-D1F0-468B-8DA2-2EE98AB504BA}" srcOrd="0" destOrd="0" parTransId="{E68E8D9A-AB5D-4717-AD8A-026860D70D4D}" sibTransId="{D9638ACF-389D-4923-B402-A10837E8AAF5}"/>
    <dgm:cxn modelId="{FC837C4E-CEC8-46D9-8F7D-BBBD201B5504}" type="presOf" srcId="{872C7A10-66B6-4C06-8EE4-773306EBF2A5}" destId="{71E3D27A-5AB5-4E4E-8755-592DC001CA0E}" srcOrd="1" destOrd="0" presId="urn:microsoft.com/office/officeart/2005/8/layout/process1"/>
    <dgm:cxn modelId="{BED1F62B-0F34-41C5-A25A-D02C4B756E50}" type="presOf" srcId="{5AA74EED-E4C2-41A5-BAC0-D5686669B11D}" destId="{DD6976DE-6D07-40A6-AC1C-772BAF5EB9A3}" srcOrd="1" destOrd="0" presId="urn:microsoft.com/office/officeart/2005/8/layout/process1"/>
    <dgm:cxn modelId="{80B1460E-2BCE-4B68-9FF4-635FB12017F2}" type="presOf" srcId="{0D339400-71AE-4D8F-953D-29F1059DEC30}" destId="{7313B45F-3882-49EE-9B09-EA54F549E8C6}" srcOrd="1" destOrd="0" presId="urn:microsoft.com/office/officeart/2005/8/layout/process1"/>
    <dgm:cxn modelId="{75E2E41F-6851-44DF-9D9F-51E1BD8C343F}" type="presOf" srcId="{D2F73B9B-4884-41FE-B9AF-519789C3A448}" destId="{1CC3E26E-5A80-4427-B3B8-D7E9E9592DCA}" srcOrd="1" destOrd="0" presId="urn:microsoft.com/office/officeart/2005/8/layout/process1"/>
    <dgm:cxn modelId="{B3C20D69-6E80-4139-A721-68445A0233CC}" srcId="{2E9EF2A9-8552-48E9-B742-051047FF8904}" destId="{3C89A7C8-5856-44F5-8672-03D8BADAE2E1}" srcOrd="7" destOrd="0" parTransId="{742501AF-5472-4C64-8243-F59DA5B5AC3D}" sibTransId="{B9B98F79-9919-4F16-9111-1EAFF6CD227E}"/>
    <dgm:cxn modelId="{C22F7A68-B826-4D1D-BFD4-EFD234F22FCE}" type="presOf" srcId="{DE439180-8E3F-4E03-8A0A-C3F4B78BCEF4}" destId="{8406A6C1-1569-4A6D-A3AB-208926C1A978}" srcOrd="0" destOrd="0" presId="urn:microsoft.com/office/officeart/2005/8/layout/process1"/>
    <dgm:cxn modelId="{3F8B865E-FCFF-47B2-95DD-F9FD1D56EF3D}" srcId="{2E9EF2A9-8552-48E9-B742-051047FF8904}" destId="{D4F59EB6-DF30-48E3-8D33-BE60EA53D7F7}" srcOrd="4" destOrd="0" parTransId="{31FB17EC-97AD-4FDF-A77D-ABB8F935FA4B}" sibTransId="{0D339400-71AE-4D8F-953D-29F1059DEC30}"/>
    <dgm:cxn modelId="{EB291B38-E699-42BC-AA74-3DD06CAB696A}" srcId="{2E9EF2A9-8552-48E9-B742-051047FF8904}" destId="{DB85CB49-4ACC-45B5-B301-44408CE17FEA}" srcOrd="1" destOrd="0" parTransId="{10326984-DF58-4A62-BD2A-DD010C18E498}" sibTransId="{DE439180-8E3F-4E03-8A0A-C3F4B78BCEF4}"/>
    <dgm:cxn modelId="{F2DAF999-AAA2-4936-A641-1F22484BB342}" type="presOf" srcId="{7FAB60BD-CE96-467A-8B14-A0BAA0B77107}" destId="{BF27DF62-74D2-400C-9F1C-5506F10960BC}" srcOrd="0" destOrd="0" presId="urn:microsoft.com/office/officeart/2005/8/layout/process1"/>
    <dgm:cxn modelId="{13588C3B-FC7E-44B8-BDC6-ABE20BEC5006}" type="presOf" srcId="{5AA74EED-E4C2-41A5-BAC0-D5686669B11D}" destId="{9CD1C022-467C-43DF-ABFA-DF8E83FF88F4}" srcOrd="0" destOrd="0" presId="urn:microsoft.com/office/officeart/2005/8/layout/process1"/>
    <dgm:cxn modelId="{4190255B-BD5F-409A-B94A-BA376B6F4A49}" srcId="{2E9EF2A9-8552-48E9-B742-051047FF8904}" destId="{7FAB60BD-CE96-467A-8B14-A0BAA0B77107}" srcOrd="2" destOrd="0" parTransId="{42F9782B-E8D6-4902-A722-50E3A1BA3AB4}" sibTransId="{872C7A10-66B6-4C06-8EE4-773306EBF2A5}"/>
    <dgm:cxn modelId="{13E366D4-BD45-4D1F-B4E4-69816D7F7C2A}" type="presOf" srcId="{D2F73B9B-4884-41FE-B9AF-519789C3A448}" destId="{F94C3375-7CF3-4740-ABEB-399F0C8AE2D6}" srcOrd="0" destOrd="0" presId="urn:microsoft.com/office/officeart/2005/8/layout/process1"/>
    <dgm:cxn modelId="{B33C8B8B-3198-46FC-A594-59C5D5450E46}" type="presOf" srcId="{A2F0A618-DCBC-4F46-8FA9-CCF121BCDCD0}" destId="{93F484C8-6A7D-4485-9E54-2DB9A244F338}" srcOrd="0" destOrd="0" presId="urn:microsoft.com/office/officeart/2005/8/layout/process1"/>
    <dgm:cxn modelId="{BF7A0841-EA7F-4EEE-8564-2DC4261FDFD1}" type="presOf" srcId="{3C89A7C8-5856-44F5-8672-03D8BADAE2E1}" destId="{2598FA11-5F12-43A4-9361-4FEB9E623A32}" srcOrd="0" destOrd="0" presId="urn:microsoft.com/office/officeart/2005/8/layout/process1"/>
    <dgm:cxn modelId="{9DFA1AFF-7FA1-49D1-84F9-1EE89DECD6AF}" type="presParOf" srcId="{84E19719-8986-4374-87F7-749C2D17BE06}" destId="{A90361FD-78B4-4F90-AD65-27C93BD8561D}" srcOrd="0" destOrd="0" presId="urn:microsoft.com/office/officeart/2005/8/layout/process1"/>
    <dgm:cxn modelId="{67CCA62C-4D7B-4B73-9652-430E7F965502}" type="presParOf" srcId="{84E19719-8986-4374-87F7-749C2D17BE06}" destId="{973BDC75-F7B2-4FCB-978E-341BA8529062}" srcOrd="1" destOrd="0" presId="urn:microsoft.com/office/officeart/2005/8/layout/process1"/>
    <dgm:cxn modelId="{9E1CB3E7-3FAE-435E-A5F4-0A437224A754}" type="presParOf" srcId="{973BDC75-F7B2-4FCB-978E-341BA8529062}" destId="{C6F15A0E-0121-4F7D-BB02-67E0ECA41C3A}" srcOrd="0" destOrd="0" presId="urn:microsoft.com/office/officeart/2005/8/layout/process1"/>
    <dgm:cxn modelId="{903E51CD-BC36-428E-B546-F17F364D3111}" type="presParOf" srcId="{84E19719-8986-4374-87F7-749C2D17BE06}" destId="{651AC008-1D50-4371-8EC8-7B2B18D2F57A}" srcOrd="2" destOrd="0" presId="urn:microsoft.com/office/officeart/2005/8/layout/process1"/>
    <dgm:cxn modelId="{FB96141B-BD08-4587-AC51-2A05953BD917}" type="presParOf" srcId="{84E19719-8986-4374-87F7-749C2D17BE06}" destId="{8406A6C1-1569-4A6D-A3AB-208926C1A978}" srcOrd="3" destOrd="0" presId="urn:microsoft.com/office/officeart/2005/8/layout/process1"/>
    <dgm:cxn modelId="{E1CFE49A-50E4-45CC-8D8D-621A0919E072}" type="presParOf" srcId="{8406A6C1-1569-4A6D-A3AB-208926C1A978}" destId="{EF8EC408-E50F-4AAD-B0B4-46673B105808}" srcOrd="0" destOrd="0" presId="urn:microsoft.com/office/officeart/2005/8/layout/process1"/>
    <dgm:cxn modelId="{35DE3F22-BF5A-46CE-90FA-A088AABF52F0}" type="presParOf" srcId="{84E19719-8986-4374-87F7-749C2D17BE06}" destId="{BF27DF62-74D2-400C-9F1C-5506F10960BC}" srcOrd="4" destOrd="0" presId="urn:microsoft.com/office/officeart/2005/8/layout/process1"/>
    <dgm:cxn modelId="{0990520F-9559-4F59-9559-4C8B2A822C19}" type="presParOf" srcId="{84E19719-8986-4374-87F7-749C2D17BE06}" destId="{144BAB93-C958-4FB3-B98A-C84CCA22A01A}" srcOrd="5" destOrd="0" presId="urn:microsoft.com/office/officeart/2005/8/layout/process1"/>
    <dgm:cxn modelId="{01A16433-CB02-4104-95DB-04C8E85874B8}" type="presParOf" srcId="{144BAB93-C958-4FB3-B98A-C84CCA22A01A}" destId="{71E3D27A-5AB5-4E4E-8755-592DC001CA0E}" srcOrd="0" destOrd="0" presId="urn:microsoft.com/office/officeart/2005/8/layout/process1"/>
    <dgm:cxn modelId="{6A69D712-D841-4FFF-9E98-08FBEBC818AF}" type="presParOf" srcId="{84E19719-8986-4374-87F7-749C2D17BE06}" destId="{93F484C8-6A7D-4485-9E54-2DB9A244F338}" srcOrd="6" destOrd="0" presId="urn:microsoft.com/office/officeart/2005/8/layout/process1"/>
    <dgm:cxn modelId="{737B6A91-7D93-4CDC-A2DC-6E40E5DCFBEE}" type="presParOf" srcId="{84E19719-8986-4374-87F7-749C2D17BE06}" destId="{9CD1C022-467C-43DF-ABFA-DF8E83FF88F4}" srcOrd="7" destOrd="0" presId="urn:microsoft.com/office/officeart/2005/8/layout/process1"/>
    <dgm:cxn modelId="{9A7B9A03-7AFA-493B-BC2E-2E9A2BE1C1AA}" type="presParOf" srcId="{9CD1C022-467C-43DF-ABFA-DF8E83FF88F4}" destId="{DD6976DE-6D07-40A6-AC1C-772BAF5EB9A3}" srcOrd="0" destOrd="0" presId="urn:microsoft.com/office/officeart/2005/8/layout/process1"/>
    <dgm:cxn modelId="{8EC287E5-4C26-4D9E-A50C-8C8EDE3BC516}" type="presParOf" srcId="{84E19719-8986-4374-87F7-749C2D17BE06}" destId="{3C6A1E02-ED2C-47C1-A70F-FF715C92157C}" srcOrd="8" destOrd="0" presId="urn:microsoft.com/office/officeart/2005/8/layout/process1"/>
    <dgm:cxn modelId="{EB1ECBB2-FBDB-43C9-9359-3C5D8A036912}" type="presParOf" srcId="{84E19719-8986-4374-87F7-749C2D17BE06}" destId="{CA79DDDF-EB50-4769-B1B8-F14F04C21C5A}" srcOrd="9" destOrd="0" presId="urn:microsoft.com/office/officeart/2005/8/layout/process1"/>
    <dgm:cxn modelId="{62EFBF65-F4D5-4DEA-A0CF-D2E835C61584}" type="presParOf" srcId="{CA79DDDF-EB50-4769-B1B8-F14F04C21C5A}" destId="{7313B45F-3882-49EE-9B09-EA54F549E8C6}" srcOrd="0" destOrd="0" presId="urn:microsoft.com/office/officeart/2005/8/layout/process1"/>
    <dgm:cxn modelId="{F8638495-3FDB-42C4-A8E6-736078CD7D74}" type="presParOf" srcId="{84E19719-8986-4374-87F7-749C2D17BE06}" destId="{604A7AF6-3C9D-489F-B818-8A6013D27B66}" srcOrd="10" destOrd="0" presId="urn:microsoft.com/office/officeart/2005/8/layout/process1"/>
    <dgm:cxn modelId="{4681136B-8BC9-42BC-A02B-17D17D0690CC}" type="presParOf" srcId="{84E19719-8986-4374-87F7-749C2D17BE06}" destId="{F94C3375-7CF3-4740-ABEB-399F0C8AE2D6}" srcOrd="11" destOrd="0" presId="urn:microsoft.com/office/officeart/2005/8/layout/process1"/>
    <dgm:cxn modelId="{6F2611FF-D25B-44BE-96C9-6D61365C494D}" type="presParOf" srcId="{F94C3375-7CF3-4740-ABEB-399F0C8AE2D6}" destId="{1CC3E26E-5A80-4427-B3B8-D7E9E9592DCA}" srcOrd="0" destOrd="0" presId="urn:microsoft.com/office/officeart/2005/8/layout/process1"/>
    <dgm:cxn modelId="{E78CC798-6853-4437-8219-06F64F1019AD}" type="presParOf" srcId="{84E19719-8986-4374-87F7-749C2D17BE06}" destId="{152C31CA-BFFB-4682-B5C5-4F97A63FBBE3}" srcOrd="12" destOrd="0" presId="urn:microsoft.com/office/officeart/2005/8/layout/process1"/>
    <dgm:cxn modelId="{61880AEB-82BE-4530-9BE0-82093175F64F}" type="presParOf" srcId="{84E19719-8986-4374-87F7-749C2D17BE06}" destId="{63BB00CE-2B11-41FF-80C8-14184E013A8D}" srcOrd="13" destOrd="0" presId="urn:microsoft.com/office/officeart/2005/8/layout/process1"/>
    <dgm:cxn modelId="{8443D500-B3E6-4BBE-B649-973B3FF0A311}" type="presParOf" srcId="{63BB00CE-2B11-41FF-80C8-14184E013A8D}" destId="{3B3472DB-65D5-4838-8023-369CCA10C3D9}" srcOrd="0" destOrd="0" presId="urn:microsoft.com/office/officeart/2005/8/layout/process1"/>
    <dgm:cxn modelId="{C4768503-CB4B-4D1A-AE4A-E7F1B4E0DAFB}" type="presParOf" srcId="{84E19719-8986-4374-87F7-749C2D17BE06}" destId="{2598FA11-5F12-43A4-9361-4FEB9E623A32}" srcOrd="14" destOrd="0" presId="urn:microsoft.com/office/officeart/2005/8/layout/process1"/>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2E9EF2A9-8552-48E9-B742-051047FF8904}" type="doc">
      <dgm:prSet loTypeId="urn:microsoft.com/office/officeart/2005/8/layout/process1" loCatId="process" qsTypeId="urn:microsoft.com/office/officeart/2005/8/quickstyle/simple1" qsCatId="simple" csTypeId="urn:microsoft.com/office/officeart/2005/8/colors/accent0_1" csCatId="mainScheme" phldr="1"/>
      <dgm:spPr/>
    </dgm:pt>
    <dgm:pt modelId="{83811246-8633-433C-B3DC-9AB2F84EFC82}">
      <dgm:prSet phldrT="[Text]" custT="1"/>
      <dgm:spPr/>
      <dgm:t>
        <a:bodyPr/>
        <a:lstStyle/>
        <a:p>
          <a:r>
            <a:rPr lang="en-US" sz="1050" noProof="0" dirty="0" smtClean="0"/>
            <a:t>Assembly QC</a:t>
          </a:r>
          <a:endParaRPr lang="en-US" sz="1050" noProof="0" dirty="0"/>
        </a:p>
      </dgm:t>
    </dgm:pt>
    <dgm:pt modelId="{A30B9697-701B-45B2-BF9A-7B71E4F7DD19}" type="parTrans" cxnId="{E42247EC-8C3B-4FB7-96F6-6B1496D5D0CD}">
      <dgm:prSet/>
      <dgm:spPr/>
      <dgm:t>
        <a:bodyPr/>
        <a:lstStyle/>
        <a:p>
          <a:endParaRPr lang="da-DK" sz="2400"/>
        </a:p>
      </dgm:t>
    </dgm:pt>
    <dgm:pt modelId="{C552395D-3BB6-4A8A-85D2-7EFA6F7BA5B7}" type="sibTrans" cxnId="{E42247EC-8C3B-4FB7-96F6-6B1496D5D0CD}">
      <dgm:prSet custT="1"/>
      <dgm:spPr/>
      <dgm:t>
        <a:bodyPr/>
        <a:lstStyle/>
        <a:p>
          <a:endParaRPr lang="da-DK" sz="1000"/>
        </a:p>
      </dgm:t>
    </dgm:pt>
    <dgm:pt modelId="{37A7C7C9-60BF-47DA-A789-E6AB47E61953}">
      <dgm:prSet phldrT="[Text]" custT="1"/>
      <dgm:spPr/>
      <dgm:t>
        <a:bodyPr/>
        <a:lstStyle/>
        <a:p>
          <a:r>
            <a:rPr lang="en-US" sz="1050" noProof="0"/>
            <a:t>Taxonomic analysis</a:t>
          </a:r>
        </a:p>
      </dgm:t>
    </dgm:pt>
    <dgm:pt modelId="{C71D2752-74A1-456D-AC44-00BD6AC150E5}" type="parTrans" cxnId="{A3428033-640E-4D87-99A3-EB4671CF5B3B}">
      <dgm:prSet/>
      <dgm:spPr/>
      <dgm:t>
        <a:bodyPr/>
        <a:lstStyle/>
        <a:p>
          <a:endParaRPr lang="da-DK" sz="2400"/>
        </a:p>
      </dgm:t>
    </dgm:pt>
    <dgm:pt modelId="{C7415AA6-A842-4AB9-8DAD-D2BD3EABFB25}" type="sibTrans" cxnId="{A3428033-640E-4D87-99A3-EB4671CF5B3B}">
      <dgm:prSet custT="1"/>
      <dgm:spPr/>
      <dgm:t>
        <a:bodyPr/>
        <a:lstStyle/>
        <a:p>
          <a:endParaRPr lang="da-DK" sz="1000"/>
        </a:p>
      </dgm:t>
    </dgm:pt>
    <dgm:pt modelId="{A8B86A6D-9AA0-4247-A9EE-F87AE3133742}">
      <dgm:prSet phldrT="[Text]" custT="1"/>
      <dgm:spPr/>
      <dgm:t>
        <a:bodyPr/>
        <a:lstStyle/>
        <a:p>
          <a:r>
            <a:rPr lang="en-US" sz="1050" noProof="0"/>
            <a:t>AMR detection</a:t>
          </a:r>
        </a:p>
      </dgm:t>
    </dgm:pt>
    <dgm:pt modelId="{DE395B4E-4FCF-4FC2-B4C6-7D6D9296AAA3}" type="parTrans" cxnId="{314E010E-2A65-433E-9CE8-5131FCD558DA}">
      <dgm:prSet/>
      <dgm:spPr/>
      <dgm:t>
        <a:bodyPr/>
        <a:lstStyle/>
        <a:p>
          <a:endParaRPr lang="da-DK" sz="2400"/>
        </a:p>
      </dgm:t>
    </dgm:pt>
    <dgm:pt modelId="{A0F6FD9F-A2AA-4C26-A09D-DA7328150E05}" type="sibTrans" cxnId="{314E010E-2A65-433E-9CE8-5131FCD558DA}">
      <dgm:prSet custT="1"/>
      <dgm:spPr/>
      <dgm:t>
        <a:bodyPr/>
        <a:lstStyle/>
        <a:p>
          <a:endParaRPr lang="da-DK" sz="1000"/>
        </a:p>
      </dgm:t>
    </dgm:pt>
    <dgm:pt modelId="{8E89E9F3-F1FB-4A19-8665-CBC64517527F}">
      <dgm:prSet phldrT="[Text]" custT="1"/>
      <dgm:spPr/>
      <dgm:t>
        <a:bodyPr/>
        <a:lstStyle/>
        <a:p>
          <a:r>
            <a:rPr lang="en-US" sz="1050" noProof="0"/>
            <a:t>Detection of VFs and MGEs</a:t>
          </a:r>
        </a:p>
      </dgm:t>
    </dgm:pt>
    <dgm:pt modelId="{6BD0026B-7E5F-4561-B701-D9882C227C42}" type="parTrans" cxnId="{849E442B-420D-4408-88D9-ECC62499C8D1}">
      <dgm:prSet/>
      <dgm:spPr/>
      <dgm:t>
        <a:bodyPr/>
        <a:lstStyle/>
        <a:p>
          <a:endParaRPr lang="da-DK" sz="2400"/>
        </a:p>
      </dgm:t>
    </dgm:pt>
    <dgm:pt modelId="{3A3B0F17-C5C9-4E17-A64A-4C84AD41AB2D}" type="sibTrans" cxnId="{849E442B-420D-4408-88D9-ECC62499C8D1}">
      <dgm:prSet custT="1"/>
      <dgm:spPr/>
      <dgm:t>
        <a:bodyPr/>
        <a:lstStyle/>
        <a:p>
          <a:endParaRPr lang="da-DK" sz="1000"/>
        </a:p>
      </dgm:t>
    </dgm:pt>
    <dgm:pt modelId="{DDF89E44-A9BE-452E-87A7-23327383BE06}">
      <dgm:prSet phldrT="[Text]" custT="1"/>
      <dgm:spPr/>
      <dgm:t>
        <a:bodyPr/>
        <a:lstStyle/>
        <a:p>
          <a:r>
            <a:rPr lang="en-US" sz="1050" noProof="0"/>
            <a:t>Subtyping</a:t>
          </a:r>
        </a:p>
      </dgm:t>
    </dgm:pt>
    <dgm:pt modelId="{2D961AA4-10FE-4CCC-A3C6-580C823466DC}" type="parTrans" cxnId="{00FD0D59-1DD9-48B4-BA16-B26554C0B4B4}">
      <dgm:prSet/>
      <dgm:spPr/>
      <dgm:t>
        <a:bodyPr/>
        <a:lstStyle/>
        <a:p>
          <a:endParaRPr lang="da-DK" sz="2400"/>
        </a:p>
      </dgm:t>
    </dgm:pt>
    <dgm:pt modelId="{D9F0593A-57DE-4246-823D-7055C6476CA7}" type="sibTrans" cxnId="{00FD0D59-1DD9-48B4-BA16-B26554C0B4B4}">
      <dgm:prSet custT="1"/>
      <dgm:spPr/>
      <dgm:t>
        <a:bodyPr/>
        <a:lstStyle/>
        <a:p>
          <a:endParaRPr lang="da-DK" sz="1000"/>
        </a:p>
      </dgm:t>
    </dgm:pt>
    <dgm:pt modelId="{37FA3F0C-24EE-440B-90F2-55C96DBB59FE}">
      <dgm:prSet phldrT="[Text]" custT="1"/>
      <dgm:spPr/>
      <dgm:t>
        <a:bodyPr/>
        <a:lstStyle/>
        <a:p>
          <a:r>
            <a:rPr lang="en-US" sz="1050" noProof="0" dirty="0" smtClean="0"/>
            <a:t>SNP-based phylogenetic analysis</a:t>
          </a:r>
          <a:endParaRPr lang="en-US" sz="1050" noProof="0" dirty="0"/>
        </a:p>
      </dgm:t>
    </dgm:pt>
    <dgm:pt modelId="{8848365F-3D27-4626-B803-6AC9BBEDA729}" type="parTrans" cxnId="{5E0B5566-0F20-4A87-8700-51C024B39788}">
      <dgm:prSet/>
      <dgm:spPr/>
      <dgm:t>
        <a:bodyPr/>
        <a:lstStyle/>
        <a:p>
          <a:endParaRPr lang="da-DK"/>
        </a:p>
      </dgm:t>
    </dgm:pt>
    <dgm:pt modelId="{A05EEB5F-D861-4198-891B-4D222D764CBA}" type="sibTrans" cxnId="{5E0B5566-0F20-4A87-8700-51C024B39788}">
      <dgm:prSet/>
      <dgm:spPr/>
      <dgm:t>
        <a:bodyPr/>
        <a:lstStyle/>
        <a:p>
          <a:endParaRPr lang="da-DK"/>
        </a:p>
      </dgm:t>
    </dgm:pt>
    <dgm:pt modelId="{12A982D4-AD21-4FE9-A728-59DD2AAA62B7}">
      <dgm:prSet phldrT="[Text]" custT="1"/>
      <dgm:spPr/>
      <dgm:t>
        <a:bodyPr/>
        <a:lstStyle/>
        <a:p>
          <a:r>
            <a:rPr lang="en-US" sz="1050" noProof="0"/>
            <a:t>Epidemiology</a:t>
          </a:r>
        </a:p>
      </dgm:t>
    </dgm:pt>
    <dgm:pt modelId="{F4558394-7E00-47F0-BFDE-EDD29C68778F}" type="parTrans" cxnId="{A78C2CE9-8E11-466D-ACEC-5F0B99F9510A}">
      <dgm:prSet/>
      <dgm:spPr/>
      <dgm:t>
        <a:bodyPr/>
        <a:lstStyle/>
        <a:p>
          <a:endParaRPr lang="en-US"/>
        </a:p>
      </dgm:t>
    </dgm:pt>
    <dgm:pt modelId="{620F8DB0-6293-4CC3-B7E0-77AB9DB7BB85}" type="sibTrans" cxnId="{A78C2CE9-8E11-466D-ACEC-5F0B99F9510A}">
      <dgm:prSet/>
      <dgm:spPr/>
      <dgm:t>
        <a:bodyPr/>
        <a:lstStyle/>
        <a:p>
          <a:endParaRPr lang="en-US"/>
        </a:p>
      </dgm:t>
    </dgm:pt>
    <dgm:pt modelId="{84E19719-8986-4374-87F7-749C2D17BE06}" type="pres">
      <dgm:prSet presAssocID="{2E9EF2A9-8552-48E9-B742-051047FF8904}" presName="Name0" presStyleCnt="0">
        <dgm:presLayoutVars>
          <dgm:dir/>
          <dgm:resizeHandles val="exact"/>
        </dgm:presLayoutVars>
      </dgm:prSet>
      <dgm:spPr/>
    </dgm:pt>
    <dgm:pt modelId="{2CBD2B32-89E9-4BB2-A17E-6F183838370D}" type="pres">
      <dgm:prSet presAssocID="{83811246-8633-433C-B3DC-9AB2F84EFC82}" presName="node" presStyleLbl="node1" presStyleIdx="0" presStyleCnt="7" custLinFactX="-60691" custLinFactNeighborX="-100000" custLinFactNeighborY="79626">
        <dgm:presLayoutVars>
          <dgm:bulletEnabled val="1"/>
        </dgm:presLayoutVars>
      </dgm:prSet>
      <dgm:spPr/>
      <dgm:t>
        <a:bodyPr/>
        <a:lstStyle/>
        <a:p>
          <a:endParaRPr lang="en-US"/>
        </a:p>
      </dgm:t>
    </dgm:pt>
    <dgm:pt modelId="{4BDFCC0B-4FBE-4EA3-88A4-41B7877E2DDB}" type="pres">
      <dgm:prSet presAssocID="{C552395D-3BB6-4A8A-85D2-7EFA6F7BA5B7}" presName="sibTrans" presStyleLbl="sibTrans2D1" presStyleIdx="0" presStyleCnt="6"/>
      <dgm:spPr/>
      <dgm:t>
        <a:bodyPr/>
        <a:lstStyle/>
        <a:p>
          <a:endParaRPr lang="en-US"/>
        </a:p>
      </dgm:t>
    </dgm:pt>
    <dgm:pt modelId="{41EC2CB5-9EC5-4FFF-B0D5-1CED7880AC13}" type="pres">
      <dgm:prSet presAssocID="{C552395D-3BB6-4A8A-85D2-7EFA6F7BA5B7}" presName="connectorText" presStyleLbl="sibTrans2D1" presStyleIdx="0" presStyleCnt="6"/>
      <dgm:spPr/>
      <dgm:t>
        <a:bodyPr/>
        <a:lstStyle/>
        <a:p>
          <a:endParaRPr lang="en-US"/>
        </a:p>
      </dgm:t>
    </dgm:pt>
    <dgm:pt modelId="{AEB96E87-D807-4E4B-9FC5-158B422B4D6A}" type="pres">
      <dgm:prSet presAssocID="{37FA3F0C-24EE-440B-90F2-55C96DBB59FE}" presName="node" presStyleLbl="node1" presStyleIdx="1" presStyleCnt="7">
        <dgm:presLayoutVars>
          <dgm:bulletEnabled val="1"/>
        </dgm:presLayoutVars>
      </dgm:prSet>
      <dgm:spPr/>
      <dgm:t>
        <a:bodyPr/>
        <a:lstStyle/>
        <a:p>
          <a:endParaRPr lang="en-US"/>
        </a:p>
      </dgm:t>
    </dgm:pt>
    <dgm:pt modelId="{7939467F-A3C1-4928-8C1B-2BB4B8EF0072}" type="pres">
      <dgm:prSet presAssocID="{A05EEB5F-D861-4198-891B-4D222D764CBA}" presName="sibTrans" presStyleLbl="sibTrans2D1" presStyleIdx="1" presStyleCnt="6"/>
      <dgm:spPr/>
      <dgm:t>
        <a:bodyPr/>
        <a:lstStyle/>
        <a:p>
          <a:endParaRPr lang="en-US"/>
        </a:p>
      </dgm:t>
    </dgm:pt>
    <dgm:pt modelId="{DE814FE5-E9D2-48B7-AA58-BB9720CD08A7}" type="pres">
      <dgm:prSet presAssocID="{A05EEB5F-D861-4198-891B-4D222D764CBA}" presName="connectorText" presStyleLbl="sibTrans2D1" presStyleIdx="1" presStyleCnt="6"/>
      <dgm:spPr/>
      <dgm:t>
        <a:bodyPr/>
        <a:lstStyle/>
        <a:p>
          <a:endParaRPr lang="en-US"/>
        </a:p>
      </dgm:t>
    </dgm:pt>
    <dgm:pt modelId="{57BFB2C4-223B-4F64-A492-774E1D58ECD9}" type="pres">
      <dgm:prSet presAssocID="{37A7C7C9-60BF-47DA-A789-E6AB47E61953}" presName="node" presStyleLbl="node1" presStyleIdx="2" presStyleCnt="7">
        <dgm:presLayoutVars>
          <dgm:bulletEnabled val="1"/>
        </dgm:presLayoutVars>
      </dgm:prSet>
      <dgm:spPr/>
      <dgm:t>
        <a:bodyPr/>
        <a:lstStyle/>
        <a:p>
          <a:endParaRPr lang="en-US"/>
        </a:p>
      </dgm:t>
    </dgm:pt>
    <dgm:pt modelId="{83861EAB-0FAC-43E2-B876-98CB491762E1}" type="pres">
      <dgm:prSet presAssocID="{C7415AA6-A842-4AB9-8DAD-D2BD3EABFB25}" presName="sibTrans" presStyleLbl="sibTrans2D1" presStyleIdx="2" presStyleCnt="6"/>
      <dgm:spPr/>
      <dgm:t>
        <a:bodyPr/>
        <a:lstStyle/>
        <a:p>
          <a:endParaRPr lang="en-US"/>
        </a:p>
      </dgm:t>
    </dgm:pt>
    <dgm:pt modelId="{4319EAF0-0922-4C5A-B59C-15E765C46F41}" type="pres">
      <dgm:prSet presAssocID="{C7415AA6-A842-4AB9-8DAD-D2BD3EABFB25}" presName="connectorText" presStyleLbl="sibTrans2D1" presStyleIdx="2" presStyleCnt="6"/>
      <dgm:spPr/>
      <dgm:t>
        <a:bodyPr/>
        <a:lstStyle/>
        <a:p>
          <a:endParaRPr lang="en-US"/>
        </a:p>
      </dgm:t>
    </dgm:pt>
    <dgm:pt modelId="{F6DA041F-3BFF-468C-9D23-E6BDEAE67857}" type="pres">
      <dgm:prSet presAssocID="{DDF89E44-A9BE-452E-87A7-23327383BE06}" presName="node" presStyleLbl="node1" presStyleIdx="3" presStyleCnt="7">
        <dgm:presLayoutVars>
          <dgm:bulletEnabled val="1"/>
        </dgm:presLayoutVars>
      </dgm:prSet>
      <dgm:spPr/>
      <dgm:t>
        <a:bodyPr/>
        <a:lstStyle/>
        <a:p>
          <a:endParaRPr lang="en-US"/>
        </a:p>
      </dgm:t>
    </dgm:pt>
    <dgm:pt modelId="{51234241-2F82-4B59-B4B1-1722990AACF1}" type="pres">
      <dgm:prSet presAssocID="{D9F0593A-57DE-4246-823D-7055C6476CA7}" presName="sibTrans" presStyleLbl="sibTrans2D1" presStyleIdx="3" presStyleCnt="6"/>
      <dgm:spPr/>
      <dgm:t>
        <a:bodyPr/>
        <a:lstStyle/>
        <a:p>
          <a:endParaRPr lang="en-US"/>
        </a:p>
      </dgm:t>
    </dgm:pt>
    <dgm:pt modelId="{DA10B791-33C7-43B3-BCF0-2341374568A1}" type="pres">
      <dgm:prSet presAssocID="{D9F0593A-57DE-4246-823D-7055C6476CA7}" presName="connectorText" presStyleLbl="sibTrans2D1" presStyleIdx="3" presStyleCnt="6"/>
      <dgm:spPr/>
      <dgm:t>
        <a:bodyPr/>
        <a:lstStyle/>
        <a:p>
          <a:endParaRPr lang="en-US"/>
        </a:p>
      </dgm:t>
    </dgm:pt>
    <dgm:pt modelId="{18A6CE14-701C-4E75-A63D-F57E49016B45}" type="pres">
      <dgm:prSet presAssocID="{A8B86A6D-9AA0-4247-A9EE-F87AE3133742}" presName="node" presStyleLbl="node1" presStyleIdx="4" presStyleCnt="7">
        <dgm:presLayoutVars>
          <dgm:bulletEnabled val="1"/>
        </dgm:presLayoutVars>
      </dgm:prSet>
      <dgm:spPr/>
      <dgm:t>
        <a:bodyPr/>
        <a:lstStyle/>
        <a:p>
          <a:endParaRPr lang="en-US"/>
        </a:p>
      </dgm:t>
    </dgm:pt>
    <dgm:pt modelId="{00D342C2-30E5-4C4F-A665-214CCE5387DE}" type="pres">
      <dgm:prSet presAssocID="{A0F6FD9F-A2AA-4C26-A09D-DA7328150E05}" presName="sibTrans" presStyleLbl="sibTrans2D1" presStyleIdx="4" presStyleCnt="6"/>
      <dgm:spPr/>
      <dgm:t>
        <a:bodyPr/>
        <a:lstStyle/>
        <a:p>
          <a:endParaRPr lang="en-US"/>
        </a:p>
      </dgm:t>
    </dgm:pt>
    <dgm:pt modelId="{233763AE-E340-495D-92D8-F8A2230CB3D1}" type="pres">
      <dgm:prSet presAssocID="{A0F6FD9F-A2AA-4C26-A09D-DA7328150E05}" presName="connectorText" presStyleLbl="sibTrans2D1" presStyleIdx="4" presStyleCnt="6"/>
      <dgm:spPr/>
      <dgm:t>
        <a:bodyPr/>
        <a:lstStyle/>
        <a:p>
          <a:endParaRPr lang="en-US"/>
        </a:p>
      </dgm:t>
    </dgm:pt>
    <dgm:pt modelId="{867F8DBA-30B3-4774-B19C-4A3177603398}" type="pres">
      <dgm:prSet presAssocID="{8E89E9F3-F1FB-4A19-8665-CBC64517527F}" presName="node" presStyleLbl="node1" presStyleIdx="5" presStyleCnt="7">
        <dgm:presLayoutVars>
          <dgm:bulletEnabled val="1"/>
        </dgm:presLayoutVars>
      </dgm:prSet>
      <dgm:spPr/>
      <dgm:t>
        <a:bodyPr/>
        <a:lstStyle/>
        <a:p>
          <a:endParaRPr lang="en-US"/>
        </a:p>
      </dgm:t>
    </dgm:pt>
    <dgm:pt modelId="{535B1698-92B3-49A2-AED3-CDE43C6E4C53}" type="pres">
      <dgm:prSet presAssocID="{3A3B0F17-C5C9-4E17-A64A-4C84AD41AB2D}" presName="sibTrans" presStyleLbl="sibTrans2D1" presStyleIdx="5" presStyleCnt="6"/>
      <dgm:spPr/>
      <dgm:t>
        <a:bodyPr/>
        <a:lstStyle/>
        <a:p>
          <a:endParaRPr lang="en-US"/>
        </a:p>
      </dgm:t>
    </dgm:pt>
    <dgm:pt modelId="{70038F22-0BF4-45E8-98CB-D6CC13998385}" type="pres">
      <dgm:prSet presAssocID="{3A3B0F17-C5C9-4E17-A64A-4C84AD41AB2D}" presName="connectorText" presStyleLbl="sibTrans2D1" presStyleIdx="5" presStyleCnt="6"/>
      <dgm:spPr/>
      <dgm:t>
        <a:bodyPr/>
        <a:lstStyle/>
        <a:p>
          <a:endParaRPr lang="en-US"/>
        </a:p>
      </dgm:t>
    </dgm:pt>
    <dgm:pt modelId="{BAC1C697-CA39-4F60-9444-A4FECFF1437F}" type="pres">
      <dgm:prSet presAssocID="{12A982D4-AD21-4FE9-A728-59DD2AAA62B7}" presName="node" presStyleLbl="node1" presStyleIdx="6" presStyleCnt="7">
        <dgm:presLayoutVars>
          <dgm:bulletEnabled val="1"/>
        </dgm:presLayoutVars>
      </dgm:prSet>
      <dgm:spPr/>
      <dgm:t>
        <a:bodyPr/>
        <a:lstStyle/>
        <a:p>
          <a:endParaRPr lang="en-US"/>
        </a:p>
      </dgm:t>
    </dgm:pt>
  </dgm:ptLst>
  <dgm:cxnLst>
    <dgm:cxn modelId="{E42247EC-8C3B-4FB7-96F6-6B1496D5D0CD}" srcId="{2E9EF2A9-8552-48E9-B742-051047FF8904}" destId="{83811246-8633-433C-B3DC-9AB2F84EFC82}" srcOrd="0" destOrd="0" parTransId="{A30B9697-701B-45B2-BF9A-7B71E4F7DD19}" sibTransId="{C552395D-3BB6-4A8A-85D2-7EFA6F7BA5B7}"/>
    <dgm:cxn modelId="{30F66984-0DB3-4A44-9E8A-A37F44FDE8F3}" type="presOf" srcId="{83811246-8633-433C-B3DC-9AB2F84EFC82}" destId="{2CBD2B32-89E9-4BB2-A17E-6F183838370D}" srcOrd="0" destOrd="0" presId="urn:microsoft.com/office/officeart/2005/8/layout/process1"/>
    <dgm:cxn modelId="{D15470D1-6B4E-4B54-8625-1C54265BD56F}" type="presOf" srcId="{A05EEB5F-D861-4198-891B-4D222D764CBA}" destId="{DE814FE5-E9D2-48B7-AA58-BB9720CD08A7}" srcOrd="1" destOrd="0" presId="urn:microsoft.com/office/officeart/2005/8/layout/process1"/>
    <dgm:cxn modelId="{3A65F8E5-D86B-4649-89C1-7DAE1E408A68}" type="presOf" srcId="{A05EEB5F-D861-4198-891B-4D222D764CBA}" destId="{7939467F-A3C1-4928-8C1B-2BB4B8EF0072}" srcOrd="0" destOrd="0" presId="urn:microsoft.com/office/officeart/2005/8/layout/process1"/>
    <dgm:cxn modelId="{314E010E-2A65-433E-9CE8-5131FCD558DA}" srcId="{2E9EF2A9-8552-48E9-B742-051047FF8904}" destId="{A8B86A6D-9AA0-4247-A9EE-F87AE3133742}" srcOrd="4" destOrd="0" parTransId="{DE395B4E-4FCF-4FC2-B4C6-7D6D9296AAA3}" sibTransId="{A0F6FD9F-A2AA-4C26-A09D-DA7328150E05}"/>
    <dgm:cxn modelId="{5E0B5566-0F20-4A87-8700-51C024B39788}" srcId="{2E9EF2A9-8552-48E9-B742-051047FF8904}" destId="{37FA3F0C-24EE-440B-90F2-55C96DBB59FE}" srcOrd="1" destOrd="0" parTransId="{8848365F-3D27-4626-B803-6AC9BBEDA729}" sibTransId="{A05EEB5F-D861-4198-891B-4D222D764CBA}"/>
    <dgm:cxn modelId="{A3428033-640E-4D87-99A3-EB4671CF5B3B}" srcId="{2E9EF2A9-8552-48E9-B742-051047FF8904}" destId="{37A7C7C9-60BF-47DA-A789-E6AB47E61953}" srcOrd="2" destOrd="0" parTransId="{C71D2752-74A1-456D-AC44-00BD6AC150E5}" sibTransId="{C7415AA6-A842-4AB9-8DAD-D2BD3EABFB25}"/>
    <dgm:cxn modelId="{A78C2CE9-8E11-466D-ACEC-5F0B99F9510A}" srcId="{2E9EF2A9-8552-48E9-B742-051047FF8904}" destId="{12A982D4-AD21-4FE9-A728-59DD2AAA62B7}" srcOrd="6" destOrd="0" parTransId="{F4558394-7E00-47F0-BFDE-EDD29C68778F}" sibTransId="{620F8DB0-6293-4CC3-B7E0-77AB9DB7BB85}"/>
    <dgm:cxn modelId="{5A925051-2DDE-4A08-B4EC-FB68B4D2F9FF}" type="presOf" srcId="{A8B86A6D-9AA0-4247-A9EE-F87AE3133742}" destId="{18A6CE14-701C-4E75-A63D-F57E49016B45}" srcOrd="0" destOrd="0" presId="urn:microsoft.com/office/officeart/2005/8/layout/process1"/>
    <dgm:cxn modelId="{849E442B-420D-4408-88D9-ECC62499C8D1}" srcId="{2E9EF2A9-8552-48E9-B742-051047FF8904}" destId="{8E89E9F3-F1FB-4A19-8665-CBC64517527F}" srcOrd="5" destOrd="0" parTransId="{6BD0026B-7E5F-4561-B701-D9882C227C42}" sibTransId="{3A3B0F17-C5C9-4E17-A64A-4C84AD41AB2D}"/>
    <dgm:cxn modelId="{6008C292-65C7-4BD2-A469-356058941D1A}" type="presOf" srcId="{C552395D-3BB6-4A8A-85D2-7EFA6F7BA5B7}" destId="{4BDFCC0B-4FBE-4EA3-88A4-41B7877E2DDB}" srcOrd="0" destOrd="0" presId="urn:microsoft.com/office/officeart/2005/8/layout/process1"/>
    <dgm:cxn modelId="{615AD3B3-C57B-4BB5-A6D3-1D9A6380698C}" type="presOf" srcId="{37A7C7C9-60BF-47DA-A789-E6AB47E61953}" destId="{57BFB2C4-223B-4F64-A492-774E1D58ECD9}" srcOrd="0" destOrd="0" presId="urn:microsoft.com/office/officeart/2005/8/layout/process1"/>
    <dgm:cxn modelId="{FB89FCCE-8D55-457E-AD05-6329FDF30D32}" type="presOf" srcId="{2E9EF2A9-8552-48E9-B742-051047FF8904}" destId="{84E19719-8986-4374-87F7-749C2D17BE06}" srcOrd="0" destOrd="0" presId="urn:microsoft.com/office/officeart/2005/8/layout/process1"/>
    <dgm:cxn modelId="{84B82401-064C-4445-B350-23157051311B}" type="presOf" srcId="{12A982D4-AD21-4FE9-A728-59DD2AAA62B7}" destId="{BAC1C697-CA39-4F60-9444-A4FECFF1437F}" srcOrd="0" destOrd="0" presId="urn:microsoft.com/office/officeart/2005/8/layout/process1"/>
    <dgm:cxn modelId="{E708F7C8-8429-4DC6-A0AE-963500387522}" type="presOf" srcId="{DDF89E44-A9BE-452E-87A7-23327383BE06}" destId="{F6DA041F-3BFF-468C-9D23-E6BDEAE67857}" srcOrd="0" destOrd="0" presId="urn:microsoft.com/office/officeart/2005/8/layout/process1"/>
    <dgm:cxn modelId="{F376EC4F-DB67-4CB4-A5E0-FBF408BC1677}" type="presOf" srcId="{D9F0593A-57DE-4246-823D-7055C6476CA7}" destId="{51234241-2F82-4B59-B4B1-1722990AACF1}" srcOrd="0" destOrd="0" presId="urn:microsoft.com/office/officeart/2005/8/layout/process1"/>
    <dgm:cxn modelId="{04153A63-CD55-4D76-8BF5-20C6C4B27559}" type="presOf" srcId="{C552395D-3BB6-4A8A-85D2-7EFA6F7BA5B7}" destId="{41EC2CB5-9EC5-4FFF-B0D5-1CED7880AC13}" srcOrd="1" destOrd="0" presId="urn:microsoft.com/office/officeart/2005/8/layout/process1"/>
    <dgm:cxn modelId="{7CB8A95E-0738-4570-95A6-733DE9846170}" type="presOf" srcId="{C7415AA6-A842-4AB9-8DAD-D2BD3EABFB25}" destId="{4319EAF0-0922-4C5A-B59C-15E765C46F41}" srcOrd="1" destOrd="0" presId="urn:microsoft.com/office/officeart/2005/8/layout/process1"/>
    <dgm:cxn modelId="{C9D775BA-E146-4197-A8BD-47D0B4407622}" type="presOf" srcId="{D9F0593A-57DE-4246-823D-7055C6476CA7}" destId="{DA10B791-33C7-43B3-BCF0-2341374568A1}" srcOrd="1" destOrd="0" presId="urn:microsoft.com/office/officeart/2005/8/layout/process1"/>
    <dgm:cxn modelId="{0649DA36-B6A6-421A-A5D0-E6E71DDD531B}" type="presOf" srcId="{8E89E9F3-F1FB-4A19-8665-CBC64517527F}" destId="{867F8DBA-30B3-4774-B19C-4A3177603398}" srcOrd="0" destOrd="0" presId="urn:microsoft.com/office/officeart/2005/8/layout/process1"/>
    <dgm:cxn modelId="{793EF58B-BEA2-4F7E-A390-8F4EE0287F4C}" type="presOf" srcId="{3A3B0F17-C5C9-4E17-A64A-4C84AD41AB2D}" destId="{535B1698-92B3-49A2-AED3-CDE43C6E4C53}" srcOrd="0" destOrd="0" presId="urn:microsoft.com/office/officeart/2005/8/layout/process1"/>
    <dgm:cxn modelId="{00FD0D59-1DD9-48B4-BA16-B26554C0B4B4}" srcId="{2E9EF2A9-8552-48E9-B742-051047FF8904}" destId="{DDF89E44-A9BE-452E-87A7-23327383BE06}" srcOrd="3" destOrd="0" parTransId="{2D961AA4-10FE-4CCC-A3C6-580C823466DC}" sibTransId="{D9F0593A-57DE-4246-823D-7055C6476CA7}"/>
    <dgm:cxn modelId="{51F1082F-B27C-447D-9C7C-C5DC54F33D91}" type="presOf" srcId="{37FA3F0C-24EE-440B-90F2-55C96DBB59FE}" destId="{AEB96E87-D807-4E4B-9FC5-158B422B4D6A}" srcOrd="0" destOrd="0" presId="urn:microsoft.com/office/officeart/2005/8/layout/process1"/>
    <dgm:cxn modelId="{1A4F1600-9B63-4EB5-9ED6-D0F4B997866F}" type="presOf" srcId="{A0F6FD9F-A2AA-4C26-A09D-DA7328150E05}" destId="{00D342C2-30E5-4C4F-A665-214CCE5387DE}" srcOrd="0" destOrd="0" presId="urn:microsoft.com/office/officeart/2005/8/layout/process1"/>
    <dgm:cxn modelId="{F7DE7921-7CD5-45F7-BB9A-76D0C3111D03}" type="presOf" srcId="{C7415AA6-A842-4AB9-8DAD-D2BD3EABFB25}" destId="{83861EAB-0FAC-43E2-B876-98CB491762E1}" srcOrd="0" destOrd="0" presId="urn:microsoft.com/office/officeart/2005/8/layout/process1"/>
    <dgm:cxn modelId="{F0E25892-8399-40F3-BF2D-3F52AB030690}" type="presOf" srcId="{3A3B0F17-C5C9-4E17-A64A-4C84AD41AB2D}" destId="{70038F22-0BF4-45E8-98CB-D6CC13998385}" srcOrd="1" destOrd="0" presId="urn:microsoft.com/office/officeart/2005/8/layout/process1"/>
    <dgm:cxn modelId="{B351DBBF-5EB2-4AAF-B39C-966D1C8917AD}" type="presOf" srcId="{A0F6FD9F-A2AA-4C26-A09D-DA7328150E05}" destId="{233763AE-E340-495D-92D8-F8A2230CB3D1}" srcOrd="1" destOrd="0" presId="urn:microsoft.com/office/officeart/2005/8/layout/process1"/>
    <dgm:cxn modelId="{A667DB5E-8538-42CC-8222-14E3BDA213A9}" type="presParOf" srcId="{84E19719-8986-4374-87F7-749C2D17BE06}" destId="{2CBD2B32-89E9-4BB2-A17E-6F183838370D}" srcOrd="0" destOrd="0" presId="urn:microsoft.com/office/officeart/2005/8/layout/process1"/>
    <dgm:cxn modelId="{690BF516-3C67-47AB-B797-EC735B7788C0}" type="presParOf" srcId="{84E19719-8986-4374-87F7-749C2D17BE06}" destId="{4BDFCC0B-4FBE-4EA3-88A4-41B7877E2DDB}" srcOrd="1" destOrd="0" presId="urn:microsoft.com/office/officeart/2005/8/layout/process1"/>
    <dgm:cxn modelId="{281CFD4A-B275-4A51-8077-6D4ABD2AD0CF}" type="presParOf" srcId="{4BDFCC0B-4FBE-4EA3-88A4-41B7877E2DDB}" destId="{41EC2CB5-9EC5-4FFF-B0D5-1CED7880AC13}" srcOrd="0" destOrd="0" presId="urn:microsoft.com/office/officeart/2005/8/layout/process1"/>
    <dgm:cxn modelId="{E8D686D3-311B-459D-BF8E-2BE801237691}" type="presParOf" srcId="{84E19719-8986-4374-87F7-749C2D17BE06}" destId="{AEB96E87-D807-4E4B-9FC5-158B422B4D6A}" srcOrd="2" destOrd="0" presId="urn:microsoft.com/office/officeart/2005/8/layout/process1"/>
    <dgm:cxn modelId="{C7C87182-FA18-476C-ABB0-4133D253F6E8}" type="presParOf" srcId="{84E19719-8986-4374-87F7-749C2D17BE06}" destId="{7939467F-A3C1-4928-8C1B-2BB4B8EF0072}" srcOrd="3" destOrd="0" presId="urn:microsoft.com/office/officeart/2005/8/layout/process1"/>
    <dgm:cxn modelId="{189B5606-BEF3-4C40-B1AA-184EFDB4CB69}" type="presParOf" srcId="{7939467F-A3C1-4928-8C1B-2BB4B8EF0072}" destId="{DE814FE5-E9D2-48B7-AA58-BB9720CD08A7}" srcOrd="0" destOrd="0" presId="urn:microsoft.com/office/officeart/2005/8/layout/process1"/>
    <dgm:cxn modelId="{2679E03E-838B-441F-8C9A-D88A3B9C8A8D}" type="presParOf" srcId="{84E19719-8986-4374-87F7-749C2D17BE06}" destId="{57BFB2C4-223B-4F64-A492-774E1D58ECD9}" srcOrd="4" destOrd="0" presId="urn:microsoft.com/office/officeart/2005/8/layout/process1"/>
    <dgm:cxn modelId="{723B3F15-D44F-4E82-8B58-065099A590BC}" type="presParOf" srcId="{84E19719-8986-4374-87F7-749C2D17BE06}" destId="{83861EAB-0FAC-43E2-B876-98CB491762E1}" srcOrd="5" destOrd="0" presId="urn:microsoft.com/office/officeart/2005/8/layout/process1"/>
    <dgm:cxn modelId="{7E12DD5A-3134-44A0-92F7-43CB51E4326E}" type="presParOf" srcId="{83861EAB-0FAC-43E2-B876-98CB491762E1}" destId="{4319EAF0-0922-4C5A-B59C-15E765C46F41}" srcOrd="0" destOrd="0" presId="urn:microsoft.com/office/officeart/2005/8/layout/process1"/>
    <dgm:cxn modelId="{3EB78B1B-79F8-4E5B-A6D4-26DD72FD76E7}" type="presParOf" srcId="{84E19719-8986-4374-87F7-749C2D17BE06}" destId="{F6DA041F-3BFF-468C-9D23-E6BDEAE67857}" srcOrd="6" destOrd="0" presId="urn:microsoft.com/office/officeart/2005/8/layout/process1"/>
    <dgm:cxn modelId="{3775D243-5869-41AF-8F48-75850892127E}" type="presParOf" srcId="{84E19719-8986-4374-87F7-749C2D17BE06}" destId="{51234241-2F82-4B59-B4B1-1722990AACF1}" srcOrd="7" destOrd="0" presId="urn:microsoft.com/office/officeart/2005/8/layout/process1"/>
    <dgm:cxn modelId="{E969FA68-BBA5-4A82-8842-F59EA2AF47D6}" type="presParOf" srcId="{51234241-2F82-4B59-B4B1-1722990AACF1}" destId="{DA10B791-33C7-43B3-BCF0-2341374568A1}" srcOrd="0" destOrd="0" presId="urn:microsoft.com/office/officeart/2005/8/layout/process1"/>
    <dgm:cxn modelId="{059ED762-B555-401B-AD85-218F5B2C40DE}" type="presParOf" srcId="{84E19719-8986-4374-87F7-749C2D17BE06}" destId="{18A6CE14-701C-4E75-A63D-F57E49016B45}" srcOrd="8" destOrd="0" presId="urn:microsoft.com/office/officeart/2005/8/layout/process1"/>
    <dgm:cxn modelId="{48477724-153B-4F96-A1EC-56E3549EAA1F}" type="presParOf" srcId="{84E19719-8986-4374-87F7-749C2D17BE06}" destId="{00D342C2-30E5-4C4F-A665-214CCE5387DE}" srcOrd="9" destOrd="0" presId="urn:microsoft.com/office/officeart/2005/8/layout/process1"/>
    <dgm:cxn modelId="{60A6B290-2076-4DA1-8381-99E06866A51B}" type="presParOf" srcId="{00D342C2-30E5-4C4F-A665-214CCE5387DE}" destId="{233763AE-E340-495D-92D8-F8A2230CB3D1}" srcOrd="0" destOrd="0" presId="urn:microsoft.com/office/officeart/2005/8/layout/process1"/>
    <dgm:cxn modelId="{94C81B04-0AD2-4E8F-8E8A-8B254D2369B3}" type="presParOf" srcId="{84E19719-8986-4374-87F7-749C2D17BE06}" destId="{867F8DBA-30B3-4774-B19C-4A3177603398}" srcOrd="10" destOrd="0" presId="urn:microsoft.com/office/officeart/2005/8/layout/process1"/>
    <dgm:cxn modelId="{8C186B35-327D-4503-BD02-910FDE330CDF}" type="presParOf" srcId="{84E19719-8986-4374-87F7-749C2D17BE06}" destId="{535B1698-92B3-49A2-AED3-CDE43C6E4C53}" srcOrd="11" destOrd="0" presId="urn:microsoft.com/office/officeart/2005/8/layout/process1"/>
    <dgm:cxn modelId="{95D69601-D87F-4756-99A3-1872E434F249}" type="presParOf" srcId="{535B1698-92B3-49A2-AED3-CDE43C6E4C53}" destId="{70038F22-0BF4-45E8-98CB-D6CC13998385}" srcOrd="0" destOrd="0" presId="urn:microsoft.com/office/officeart/2005/8/layout/process1"/>
    <dgm:cxn modelId="{E5EC404C-D879-4594-A85B-82236DB5A1B7}" type="presParOf" srcId="{84E19719-8986-4374-87F7-749C2D17BE06}" destId="{BAC1C697-CA39-4F60-9444-A4FECFF1437F}" srcOrd="12" destOrd="0" presId="urn:microsoft.com/office/officeart/2005/8/layout/process1"/>
  </dgm:cxnLst>
  <dgm:bg/>
  <dgm:whole/>
  <dgm:extLst>
    <a:ext uri="http://schemas.microsoft.com/office/drawing/2008/diagram">
      <dsp:dataModelExt xmlns:dsp="http://schemas.microsoft.com/office/drawing/2008/diagram" relId="rId14"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90361FD-78B4-4F90-AD65-27C93BD8561D}">
      <dsp:nvSpPr>
        <dsp:cNvPr id="0" name=""/>
        <dsp:cNvSpPr/>
      </dsp:nvSpPr>
      <dsp:spPr>
        <a:xfrm>
          <a:off x="3917"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Sample selection</a:t>
          </a:r>
        </a:p>
      </dsp:txBody>
      <dsp:txXfrm>
        <a:off x="22552" y="132554"/>
        <a:ext cx="1023159" cy="598987"/>
      </dsp:txXfrm>
    </dsp:sp>
    <dsp:sp modelId="{973BDC75-F7B2-4FCB-978E-341BA8529062}">
      <dsp:nvSpPr>
        <dsp:cNvPr id="0" name=""/>
        <dsp:cNvSpPr/>
      </dsp:nvSpPr>
      <dsp:spPr>
        <a:xfrm>
          <a:off x="1170389"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88950">
            <a:lnSpc>
              <a:spcPct val="90000"/>
            </a:lnSpc>
            <a:spcBef>
              <a:spcPct val="0"/>
            </a:spcBef>
            <a:spcAft>
              <a:spcPct val="35000"/>
            </a:spcAft>
          </a:pPr>
          <a:endParaRPr lang="da-DK" sz="1100" kern="1200"/>
        </a:p>
      </dsp:txBody>
      <dsp:txXfrm>
        <a:off x="1170389" y="353151"/>
        <a:ext cx="157367" cy="157792"/>
      </dsp:txXfrm>
    </dsp:sp>
    <dsp:sp modelId="{651AC008-1D50-4371-8EC8-7B2B18D2F57A}">
      <dsp:nvSpPr>
        <dsp:cNvPr id="0" name=""/>
        <dsp:cNvSpPr/>
      </dsp:nvSpPr>
      <dsp:spPr>
        <a:xfrm>
          <a:off x="1488517"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Sample prep</a:t>
          </a:r>
        </a:p>
      </dsp:txBody>
      <dsp:txXfrm>
        <a:off x="1507152" y="132554"/>
        <a:ext cx="1023159" cy="598987"/>
      </dsp:txXfrm>
    </dsp:sp>
    <dsp:sp modelId="{8406A6C1-1569-4A6D-A3AB-208926C1A978}">
      <dsp:nvSpPr>
        <dsp:cNvPr id="0" name=""/>
        <dsp:cNvSpPr/>
      </dsp:nvSpPr>
      <dsp:spPr>
        <a:xfrm>
          <a:off x="2654989"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88950">
            <a:lnSpc>
              <a:spcPct val="90000"/>
            </a:lnSpc>
            <a:spcBef>
              <a:spcPct val="0"/>
            </a:spcBef>
            <a:spcAft>
              <a:spcPct val="35000"/>
            </a:spcAft>
          </a:pPr>
          <a:endParaRPr lang="da-DK" sz="1100" kern="1200"/>
        </a:p>
      </dsp:txBody>
      <dsp:txXfrm>
        <a:off x="2654989" y="353151"/>
        <a:ext cx="157367" cy="157792"/>
      </dsp:txXfrm>
    </dsp:sp>
    <dsp:sp modelId="{BF27DF62-74D2-400C-9F1C-5506F10960BC}">
      <dsp:nvSpPr>
        <dsp:cNvPr id="0" name=""/>
        <dsp:cNvSpPr/>
      </dsp:nvSpPr>
      <dsp:spPr>
        <a:xfrm>
          <a:off x="2973118"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DNA extraction</a:t>
          </a:r>
        </a:p>
      </dsp:txBody>
      <dsp:txXfrm>
        <a:off x="2991753" y="132554"/>
        <a:ext cx="1023159" cy="598987"/>
      </dsp:txXfrm>
    </dsp:sp>
    <dsp:sp modelId="{144BAB93-C958-4FB3-B98A-C84CCA22A01A}">
      <dsp:nvSpPr>
        <dsp:cNvPr id="0" name=""/>
        <dsp:cNvSpPr/>
      </dsp:nvSpPr>
      <dsp:spPr>
        <a:xfrm>
          <a:off x="4139590"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4139590" y="353151"/>
        <a:ext cx="157367" cy="157792"/>
      </dsp:txXfrm>
    </dsp:sp>
    <dsp:sp modelId="{93F484C8-6A7D-4485-9E54-2DB9A244F338}">
      <dsp:nvSpPr>
        <dsp:cNvPr id="0" name=""/>
        <dsp:cNvSpPr/>
      </dsp:nvSpPr>
      <dsp:spPr>
        <a:xfrm>
          <a:off x="4457719"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da-DK" sz="1050" kern="1200"/>
            <a:t>DNA QC</a:t>
          </a:r>
        </a:p>
      </dsp:txBody>
      <dsp:txXfrm>
        <a:off x="4476354" y="132554"/>
        <a:ext cx="1023159" cy="598987"/>
      </dsp:txXfrm>
    </dsp:sp>
    <dsp:sp modelId="{9CD1C022-467C-43DF-ABFA-DF8E83FF88F4}">
      <dsp:nvSpPr>
        <dsp:cNvPr id="0" name=""/>
        <dsp:cNvSpPr/>
      </dsp:nvSpPr>
      <dsp:spPr>
        <a:xfrm>
          <a:off x="5624191"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88950">
            <a:lnSpc>
              <a:spcPct val="90000"/>
            </a:lnSpc>
            <a:spcBef>
              <a:spcPct val="0"/>
            </a:spcBef>
            <a:spcAft>
              <a:spcPct val="35000"/>
            </a:spcAft>
          </a:pPr>
          <a:endParaRPr lang="da-DK" sz="1100" kern="1200"/>
        </a:p>
      </dsp:txBody>
      <dsp:txXfrm>
        <a:off x="5624191" y="353151"/>
        <a:ext cx="157367" cy="157792"/>
      </dsp:txXfrm>
    </dsp:sp>
    <dsp:sp modelId="{3C6A1E02-ED2C-47C1-A70F-FF715C92157C}">
      <dsp:nvSpPr>
        <dsp:cNvPr id="0" name=""/>
        <dsp:cNvSpPr/>
      </dsp:nvSpPr>
      <dsp:spPr>
        <a:xfrm>
          <a:off x="5942319"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da-DK" sz="1050" kern="1200"/>
            <a:t>Library </a:t>
          </a:r>
          <a:r>
            <a:rPr lang="en-US" sz="1050" kern="1200" noProof="0"/>
            <a:t>preparation</a:t>
          </a:r>
        </a:p>
      </dsp:txBody>
      <dsp:txXfrm>
        <a:off x="5960954" y="132554"/>
        <a:ext cx="1023159" cy="598987"/>
      </dsp:txXfrm>
    </dsp:sp>
    <dsp:sp modelId="{CA79DDDF-EB50-4769-B1B8-F14F04C21C5A}">
      <dsp:nvSpPr>
        <dsp:cNvPr id="0" name=""/>
        <dsp:cNvSpPr/>
      </dsp:nvSpPr>
      <dsp:spPr>
        <a:xfrm>
          <a:off x="7108791"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88950">
            <a:lnSpc>
              <a:spcPct val="90000"/>
            </a:lnSpc>
            <a:spcBef>
              <a:spcPct val="0"/>
            </a:spcBef>
            <a:spcAft>
              <a:spcPct val="35000"/>
            </a:spcAft>
          </a:pPr>
          <a:endParaRPr lang="da-DK" sz="1100" kern="1200"/>
        </a:p>
      </dsp:txBody>
      <dsp:txXfrm>
        <a:off x="7108791" y="353151"/>
        <a:ext cx="157367" cy="157792"/>
      </dsp:txXfrm>
    </dsp:sp>
    <dsp:sp modelId="{604A7AF6-3C9D-489F-B818-8A6013D27B66}">
      <dsp:nvSpPr>
        <dsp:cNvPr id="0" name=""/>
        <dsp:cNvSpPr/>
      </dsp:nvSpPr>
      <dsp:spPr>
        <a:xfrm>
          <a:off x="7426920"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Sequencing</a:t>
          </a:r>
        </a:p>
      </dsp:txBody>
      <dsp:txXfrm>
        <a:off x="7445555" y="132554"/>
        <a:ext cx="1023159" cy="598987"/>
      </dsp:txXfrm>
    </dsp:sp>
    <dsp:sp modelId="{F94C3375-7CF3-4740-ABEB-399F0C8AE2D6}">
      <dsp:nvSpPr>
        <dsp:cNvPr id="0" name=""/>
        <dsp:cNvSpPr/>
      </dsp:nvSpPr>
      <dsp:spPr>
        <a:xfrm>
          <a:off x="8593392"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8593392" y="353151"/>
        <a:ext cx="157367" cy="157792"/>
      </dsp:txXfrm>
    </dsp:sp>
    <dsp:sp modelId="{152C31CA-BFFB-4682-B5C5-4F97A63FBBE3}">
      <dsp:nvSpPr>
        <dsp:cNvPr id="0" name=""/>
        <dsp:cNvSpPr/>
      </dsp:nvSpPr>
      <dsp:spPr>
        <a:xfrm>
          <a:off x="8911521"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Raw data QC</a:t>
          </a:r>
        </a:p>
      </dsp:txBody>
      <dsp:txXfrm>
        <a:off x="8930156" y="132554"/>
        <a:ext cx="1023159" cy="598987"/>
      </dsp:txXfrm>
    </dsp:sp>
    <dsp:sp modelId="{63BB00CE-2B11-41FF-80C8-14184E013A8D}">
      <dsp:nvSpPr>
        <dsp:cNvPr id="0" name=""/>
        <dsp:cNvSpPr/>
      </dsp:nvSpPr>
      <dsp:spPr>
        <a:xfrm>
          <a:off x="10077993"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10077993" y="353151"/>
        <a:ext cx="157367" cy="157792"/>
      </dsp:txXfrm>
    </dsp:sp>
    <dsp:sp modelId="{2598FA11-5F12-43A4-9361-4FEB9E623A32}">
      <dsp:nvSpPr>
        <dsp:cNvPr id="0" name=""/>
        <dsp:cNvSpPr/>
      </dsp:nvSpPr>
      <dsp:spPr>
        <a:xfrm>
          <a:off x="10396121"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dirty="0" smtClean="0"/>
            <a:t>Assembly</a:t>
          </a:r>
          <a:endParaRPr lang="en-US" sz="1050" kern="1200" noProof="0" dirty="0"/>
        </a:p>
      </dsp:txBody>
      <dsp:txXfrm>
        <a:off x="10414756" y="132554"/>
        <a:ext cx="1023159" cy="598987"/>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CBD2B32-89E9-4BB2-A17E-6F183838370D}">
      <dsp:nvSpPr>
        <dsp:cNvPr id="0" name=""/>
        <dsp:cNvSpPr/>
      </dsp:nvSpPr>
      <dsp:spPr>
        <a:xfrm>
          <a:off x="0"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dirty="0" smtClean="0"/>
            <a:t>Assembly QC</a:t>
          </a:r>
          <a:endParaRPr lang="en-US" sz="1050" kern="1200" noProof="0" dirty="0"/>
        </a:p>
      </dsp:txBody>
      <dsp:txXfrm>
        <a:off x="21090" y="21090"/>
        <a:ext cx="1176334" cy="677900"/>
      </dsp:txXfrm>
    </dsp:sp>
    <dsp:sp modelId="{4BDFCC0B-4FBE-4EA3-88A4-41B7877E2DDB}">
      <dsp:nvSpPr>
        <dsp:cNvPr id="0" name=""/>
        <dsp:cNvSpPr/>
      </dsp:nvSpPr>
      <dsp:spPr>
        <a:xfrm>
          <a:off x="1341169" y="208944"/>
          <a:ext cx="260030"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1341169" y="269382"/>
        <a:ext cx="182021" cy="181315"/>
      </dsp:txXfrm>
    </dsp:sp>
    <dsp:sp modelId="{AEB96E87-D807-4E4B-9FC5-158B422B4D6A}">
      <dsp:nvSpPr>
        <dsp:cNvPr id="0" name=""/>
        <dsp:cNvSpPr/>
      </dsp:nvSpPr>
      <dsp:spPr>
        <a:xfrm>
          <a:off x="1709137"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dirty="0" smtClean="0"/>
            <a:t>SNP-based phylogenetic analysis</a:t>
          </a:r>
          <a:endParaRPr lang="en-US" sz="1050" kern="1200" noProof="0" dirty="0"/>
        </a:p>
      </dsp:txBody>
      <dsp:txXfrm>
        <a:off x="1730227" y="21090"/>
        <a:ext cx="1176334" cy="677900"/>
      </dsp:txXfrm>
    </dsp:sp>
    <dsp:sp modelId="{7939467F-A3C1-4928-8C1B-2BB4B8EF0072}">
      <dsp:nvSpPr>
        <dsp:cNvPr id="0" name=""/>
        <dsp:cNvSpPr/>
      </dsp:nvSpPr>
      <dsp:spPr>
        <a:xfrm>
          <a:off x="3049502"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577850">
            <a:lnSpc>
              <a:spcPct val="90000"/>
            </a:lnSpc>
            <a:spcBef>
              <a:spcPct val="0"/>
            </a:spcBef>
            <a:spcAft>
              <a:spcPct val="35000"/>
            </a:spcAft>
          </a:pPr>
          <a:endParaRPr lang="da-DK" sz="1300" kern="1200"/>
        </a:p>
      </dsp:txBody>
      <dsp:txXfrm>
        <a:off x="3049502" y="269382"/>
        <a:ext cx="180827" cy="181315"/>
      </dsp:txXfrm>
    </dsp:sp>
    <dsp:sp modelId="{57BFB2C4-223B-4F64-A492-774E1D58ECD9}">
      <dsp:nvSpPr>
        <dsp:cNvPr id="0" name=""/>
        <dsp:cNvSpPr/>
      </dsp:nvSpPr>
      <dsp:spPr>
        <a:xfrm>
          <a:off x="3415057"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Taxonomic analysis</a:t>
          </a:r>
        </a:p>
      </dsp:txBody>
      <dsp:txXfrm>
        <a:off x="3436147" y="21090"/>
        <a:ext cx="1176334" cy="677900"/>
      </dsp:txXfrm>
    </dsp:sp>
    <dsp:sp modelId="{83861EAB-0FAC-43E2-B876-98CB491762E1}">
      <dsp:nvSpPr>
        <dsp:cNvPr id="0" name=""/>
        <dsp:cNvSpPr/>
      </dsp:nvSpPr>
      <dsp:spPr>
        <a:xfrm>
          <a:off x="4755422"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4755422" y="269382"/>
        <a:ext cx="180827" cy="181315"/>
      </dsp:txXfrm>
    </dsp:sp>
    <dsp:sp modelId="{F6DA041F-3BFF-468C-9D23-E6BDEAE67857}">
      <dsp:nvSpPr>
        <dsp:cNvPr id="0" name=""/>
        <dsp:cNvSpPr/>
      </dsp:nvSpPr>
      <dsp:spPr>
        <a:xfrm>
          <a:off x="5120976"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Subtyping</a:t>
          </a:r>
        </a:p>
      </dsp:txBody>
      <dsp:txXfrm>
        <a:off x="5142066" y="21090"/>
        <a:ext cx="1176334" cy="677900"/>
      </dsp:txXfrm>
    </dsp:sp>
    <dsp:sp modelId="{51234241-2F82-4B59-B4B1-1722990AACF1}">
      <dsp:nvSpPr>
        <dsp:cNvPr id="0" name=""/>
        <dsp:cNvSpPr/>
      </dsp:nvSpPr>
      <dsp:spPr>
        <a:xfrm>
          <a:off x="6461342"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6461342" y="269382"/>
        <a:ext cx="180827" cy="181315"/>
      </dsp:txXfrm>
    </dsp:sp>
    <dsp:sp modelId="{18A6CE14-701C-4E75-A63D-F57E49016B45}">
      <dsp:nvSpPr>
        <dsp:cNvPr id="0" name=""/>
        <dsp:cNvSpPr/>
      </dsp:nvSpPr>
      <dsp:spPr>
        <a:xfrm>
          <a:off x="6826896"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AMR detection</a:t>
          </a:r>
        </a:p>
      </dsp:txBody>
      <dsp:txXfrm>
        <a:off x="6847986" y="21090"/>
        <a:ext cx="1176334" cy="677900"/>
      </dsp:txXfrm>
    </dsp:sp>
    <dsp:sp modelId="{00D342C2-30E5-4C4F-A665-214CCE5387DE}">
      <dsp:nvSpPr>
        <dsp:cNvPr id="0" name=""/>
        <dsp:cNvSpPr/>
      </dsp:nvSpPr>
      <dsp:spPr>
        <a:xfrm>
          <a:off x="8167262"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8167262" y="269382"/>
        <a:ext cx="180827" cy="181315"/>
      </dsp:txXfrm>
    </dsp:sp>
    <dsp:sp modelId="{867F8DBA-30B3-4774-B19C-4A3177603398}">
      <dsp:nvSpPr>
        <dsp:cNvPr id="0" name=""/>
        <dsp:cNvSpPr/>
      </dsp:nvSpPr>
      <dsp:spPr>
        <a:xfrm>
          <a:off x="8532816"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Detection of VFs and MGEs</a:t>
          </a:r>
        </a:p>
      </dsp:txBody>
      <dsp:txXfrm>
        <a:off x="8553906" y="21090"/>
        <a:ext cx="1176334" cy="677900"/>
      </dsp:txXfrm>
    </dsp:sp>
    <dsp:sp modelId="{535B1698-92B3-49A2-AED3-CDE43C6E4C53}">
      <dsp:nvSpPr>
        <dsp:cNvPr id="0" name=""/>
        <dsp:cNvSpPr/>
      </dsp:nvSpPr>
      <dsp:spPr>
        <a:xfrm>
          <a:off x="9873181"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9873181" y="269382"/>
        <a:ext cx="180827" cy="181315"/>
      </dsp:txXfrm>
    </dsp:sp>
    <dsp:sp modelId="{BAC1C697-CA39-4F60-9444-A4FECFF1437F}">
      <dsp:nvSpPr>
        <dsp:cNvPr id="0" name=""/>
        <dsp:cNvSpPr/>
      </dsp:nvSpPr>
      <dsp:spPr>
        <a:xfrm>
          <a:off x="10238736"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Epidemiology</a:t>
          </a:r>
        </a:p>
      </dsp:txBody>
      <dsp:txXfrm>
        <a:off x="10259826" y="21090"/>
        <a:ext cx="1176334" cy="677900"/>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90361FD-78B4-4F90-AD65-27C93BD8561D}">
      <dsp:nvSpPr>
        <dsp:cNvPr id="0" name=""/>
        <dsp:cNvSpPr/>
      </dsp:nvSpPr>
      <dsp:spPr>
        <a:xfrm>
          <a:off x="3917"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Sample selection</a:t>
          </a:r>
        </a:p>
      </dsp:txBody>
      <dsp:txXfrm>
        <a:off x="22552" y="132554"/>
        <a:ext cx="1023159" cy="598987"/>
      </dsp:txXfrm>
    </dsp:sp>
    <dsp:sp modelId="{973BDC75-F7B2-4FCB-978E-341BA8529062}">
      <dsp:nvSpPr>
        <dsp:cNvPr id="0" name=""/>
        <dsp:cNvSpPr/>
      </dsp:nvSpPr>
      <dsp:spPr>
        <a:xfrm>
          <a:off x="1170389"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88950">
            <a:lnSpc>
              <a:spcPct val="90000"/>
            </a:lnSpc>
            <a:spcBef>
              <a:spcPct val="0"/>
            </a:spcBef>
            <a:spcAft>
              <a:spcPct val="35000"/>
            </a:spcAft>
          </a:pPr>
          <a:endParaRPr lang="da-DK" sz="1100" kern="1200"/>
        </a:p>
      </dsp:txBody>
      <dsp:txXfrm>
        <a:off x="1170389" y="353151"/>
        <a:ext cx="157367" cy="157792"/>
      </dsp:txXfrm>
    </dsp:sp>
    <dsp:sp modelId="{651AC008-1D50-4371-8EC8-7B2B18D2F57A}">
      <dsp:nvSpPr>
        <dsp:cNvPr id="0" name=""/>
        <dsp:cNvSpPr/>
      </dsp:nvSpPr>
      <dsp:spPr>
        <a:xfrm>
          <a:off x="1488517"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Sample prep</a:t>
          </a:r>
        </a:p>
      </dsp:txBody>
      <dsp:txXfrm>
        <a:off x="1507152" y="132554"/>
        <a:ext cx="1023159" cy="598987"/>
      </dsp:txXfrm>
    </dsp:sp>
    <dsp:sp modelId="{8406A6C1-1569-4A6D-A3AB-208926C1A978}">
      <dsp:nvSpPr>
        <dsp:cNvPr id="0" name=""/>
        <dsp:cNvSpPr/>
      </dsp:nvSpPr>
      <dsp:spPr>
        <a:xfrm>
          <a:off x="2654989"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88950">
            <a:lnSpc>
              <a:spcPct val="90000"/>
            </a:lnSpc>
            <a:spcBef>
              <a:spcPct val="0"/>
            </a:spcBef>
            <a:spcAft>
              <a:spcPct val="35000"/>
            </a:spcAft>
          </a:pPr>
          <a:endParaRPr lang="da-DK" sz="1100" kern="1200"/>
        </a:p>
      </dsp:txBody>
      <dsp:txXfrm>
        <a:off x="2654989" y="353151"/>
        <a:ext cx="157367" cy="157792"/>
      </dsp:txXfrm>
    </dsp:sp>
    <dsp:sp modelId="{BF27DF62-74D2-400C-9F1C-5506F10960BC}">
      <dsp:nvSpPr>
        <dsp:cNvPr id="0" name=""/>
        <dsp:cNvSpPr/>
      </dsp:nvSpPr>
      <dsp:spPr>
        <a:xfrm>
          <a:off x="2973118"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DNA extraction</a:t>
          </a:r>
        </a:p>
      </dsp:txBody>
      <dsp:txXfrm>
        <a:off x="2991753" y="132554"/>
        <a:ext cx="1023159" cy="598987"/>
      </dsp:txXfrm>
    </dsp:sp>
    <dsp:sp modelId="{144BAB93-C958-4FB3-B98A-C84CCA22A01A}">
      <dsp:nvSpPr>
        <dsp:cNvPr id="0" name=""/>
        <dsp:cNvSpPr/>
      </dsp:nvSpPr>
      <dsp:spPr>
        <a:xfrm>
          <a:off x="4139590"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4139590" y="353151"/>
        <a:ext cx="157367" cy="157792"/>
      </dsp:txXfrm>
    </dsp:sp>
    <dsp:sp modelId="{93F484C8-6A7D-4485-9E54-2DB9A244F338}">
      <dsp:nvSpPr>
        <dsp:cNvPr id="0" name=""/>
        <dsp:cNvSpPr/>
      </dsp:nvSpPr>
      <dsp:spPr>
        <a:xfrm>
          <a:off x="4457719"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da-DK" sz="1050" kern="1200"/>
            <a:t>DNA QC</a:t>
          </a:r>
        </a:p>
      </dsp:txBody>
      <dsp:txXfrm>
        <a:off x="4476354" y="132554"/>
        <a:ext cx="1023159" cy="598987"/>
      </dsp:txXfrm>
    </dsp:sp>
    <dsp:sp modelId="{9CD1C022-467C-43DF-ABFA-DF8E83FF88F4}">
      <dsp:nvSpPr>
        <dsp:cNvPr id="0" name=""/>
        <dsp:cNvSpPr/>
      </dsp:nvSpPr>
      <dsp:spPr>
        <a:xfrm>
          <a:off x="5624191"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88950">
            <a:lnSpc>
              <a:spcPct val="90000"/>
            </a:lnSpc>
            <a:spcBef>
              <a:spcPct val="0"/>
            </a:spcBef>
            <a:spcAft>
              <a:spcPct val="35000"/>
            </a:spcAft>
          </a:pPr>
          <a:endParaRPr lang="da-DK" sz="1100" kern="1200"/>
        </a:p>
      </dsp:txBody>
      <dsp:txXfrm>
        <a:off x="5624191" y="353151"/>
        <a:ext cx="157367" cy="157792"/>
      </dsp:txXfrm>
    </dsp:sp>
    <dsp:sp modelId="{3C6A1E02-ED2C-47C1-A70F-FF715C92157C}">
      <dsp:nvSpPr>
        <dsp:cNvPr id="0" name=""/>
        <dsp:cNvSpPr/>
      </dsp:nvSpPr>
      <dsp:spPr>
        <a:xfrm>
          <a:off x="5942319"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da-DK" sz="1050" kern="1200"/>
            <a:t>Library </a:t>
          </a:r>
          <a:r>
            <a:rPr lang="en-US" sz="1050" kern="1200" noProof="0"/>
            <a:t>preparation</a:t>
          </a:r>
        </a:p>
      </dsp:txBody>
      <dsp:txXfrm>
        <a:off x="5960954" y="132554"/>
        <a:ext cx="1023159" cy="598987"/>
      </dsp:txXfrm>
    </dsp:sp>
    <dsp:sp modelId="{CA79DDDF-EB50-4769-B1B8-F14F04C21C5A}">
      <dsp:nvSpPr>
        <dsp:cNvPr id="0" name=""/>
        <dsp:cNvSpPr/>
      </dsp:nvSpPr>
      <dsp:spPr>
        <a:xfrm>
          <a:off x="7108791"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88950">
            <a:lnSpc>
              <a:spcPct val="90000"/>
            </a:lnSpc>
            <a:spcBef>
              <a:spcPct val="0"/>
            </a:spcBef>
            <a:spcAft>
              <a:spcPct val="35000"/>
            </a:spcAft>
          </a:pPr>
          <a:endParaRPr lang="da-DK" sz="1100" kern="1200"/>
        </a:p>
      </dsp:txBody>
      <dsp:txXfrm>
        <a:off x="7108791" y="353151"/>
        <a:ext cx="157367" cy="157792"/>
      </dsp:txXfrm>
    </dsp:sp>
    <dsp:sp modelId="{604A7AF6-3C9D-489F-B818-8A6013D27B66}">
      <dsp:nvSpPr>
        <dsp:cNvPr id="0" name=""/>
        <dsp:cNvSpPr/>
      </dsp:nvSpPr>
      <dsp:spPr>
        <a:xfrm>
          <a:off x="7426920"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Sequencing</a:t>
          </a:r>
        </a:p>
      </dsp:txBody>
      <dsp:txXfrm>
        <a:off x="7445555" y="132554"/>
        <a:ext cx="1023159" cy="598987"/>
      </dsp:txXfrm>
    </dsp:sp>
    <dsp:sp modelId="{F94C3375-7CF3-4740-ABEB-399F0C8AE2D6}">
      <dsp:nvSpPr>
        <dsp:cNvPr id="0" name=""/>
        <dsp:cNvSpPr/>
      </dsp:nvSpPr>
      <dsp:spPr>
        <a:xfrm>
          <a:off x="8593392"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8593392" y="353151"/>
        <a:ext cx="157367" cy="157792"/>
      </dsp:txXfrm>
    </dsp:sp>
    <dsp:sp modelId="{152C31CA-BFFB-4682-B5C5-4F97A63FBBE3}">
      <dsp:nvSpPr>
        <dsp:cNvPr id="0" name=""/>
        <dsp:cNvSpPr/>
      </dsp:nvSpPr>
      <dsp:spPr>
        <a:xfrm>
          <a:off x="8911521"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Raw data QC</a:t>
          </a:r>
        </a:p>
      </dsp:txBody>
      <dsp:txXfrm>
        <a:off x="8930156" y="132554"/>
        <a:ext cx="1023159" cy="598987"/>
      </dsp:txXfrm>
    </dsp:sp>
    <dsp:sp modelId="{63BB00CE-2B11-41FF-80C8-14184E013A8D}">
      <dsp:nvSpPr>
        <dsp:cNvPr id="0" name=""/>
        <dsp:cNvSpPr/>
      </dsp:nvSpPr>
      <dsp:spPr>
        <a:xfrm>
          <a:off x="10077993" y="300554"/>
          <a:ext cx="224810" cy="262986"/>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10077993" y="353151"/>
        <a:ext cx="157367" cy="157792"/>
      </dsp:txXfrm>
    </dsp:sp>
    <dsp:sp modelId="{2598FA11-5F12-43A4-9361-4FEB9E623A32}">
      <dsp:nvSpPr>
        <dsp:cNvPr id="0" name=""/>
        <dsp:cNvSpPr/>
      </dsp:nvSpPr>
      <dsp:spPr>
        <a:xfrm>
          <a:off x="10396121" y="113919"/>
          <a:ext cx="1060429" cy="636257"/>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dirty="0" smtClean="0"/>
            <a:t>Assembly</a:t>
          </a:r>
          <a:endParaRPr lang="en-US" sz="1050" kern="1200" noProof="0" dirty="0"/>
        </a:p>
      </dsp:txBody>
      <dsp:txXfrm>
        <a:off x="10414756" y="132554"/>
        <a:ext cx="1023159" cy="598987"/>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CBD2B32-89E9-4BB2-A17E-6F183838370D}">
      <dsp:nvSpPr>
        <dsp:cNvPr id="0" name=""/>
        <dsp:cNvSpPr/>
      </dsp:nvSpPr>
      <dsp:spPr>
        <a:xfrm>
          <a:off x="0"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dirty="0" smtClean="0"/>
            <a:t>Assembly QC</a:t>
          </a:r>
          <a:endParaRPr lang="en-US" sz="1050" kern="1200" noProof="0" dirty="0"/>
        </a:p>
      </dsp:txBody>
      <dsp:txXfrm>
        <a:off x="21090" y="21090"/>
        <a:ext cx="1176334" cy="677900"/>
      </dsp:txXfrm>
    </dsp:sp>
    <dsp:sp modelId="{4BDFCC0B-4FBE-4EA3-88A4-41B7877E2DDB}">
      <dsp:nvSpPr>
        <dsp:cNvPr id="0" name=""/>
        <dsp:cNvSpPr/>
      </dsp:nvSpPr>
      <dsp:spPr>
        <a:xfrm>
          <a:off x="1341169" y="208944"/>
          <a:ext cx="260030"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1341169" y="269382"/>
        <a:ext cx="182021" cy="181315"/>
      </dsp:txXfrm>
    </dsp:sp>
    <dsp:sp modelId="{AEB96E87-D807-4E4B-9FC5-158B422B4D6A}">
      <dsp:nvSpPr>
        <dsp:cNvPr id="0" name=""/>
        <dsp:cNvSpPr/>
      </dsp:nvSpPr>
      <dsp:spPr>
        <a:xfrm>
          <a:off x="1709137"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dirty="0" smtClean="0"/>
            <a:t>SNP-based phylogenetic analysis</a:t>
          </a:r>
          <a:endParaRPr lang="en-US" sz="1050" kern="1200" noProof="0" dirty="0"/>
        </a:p>
      </dsp:txBody>
      <dsp:txXfrm>
        <a:off x="1730227" y="21090"/>
        <a:ext cx="1176334" cy="677900"/>
      </dsp:txXfrm>
    </dsp:sp>
    <dsp:sp modelId="{7939467F-A3C1-4928-8C1B-2BB4B8EF0072}">
      <dsp:nvSpPr>
        <dsp:cNvPr id="0" name=""/>
        <dsp:cNvSpPr/>
      </dsp:nvSpPr>
      <dsp:spPr>
        <a:xfrm>
          <a:off x="3049502"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577850">
            <a:lnSpc>
              <a:spcPct val="90000"/>
            </a:lnSpc>
            <a:spcBef>
              <a:spcPct val="0"/>
            </a:spcBef>
            <a:spcAft>
              <a:spcPct val="35000"/>
            </a:spcAft>
          </a:pPr>
          <a:endParaRPr lang="da-DK" sz="1300" kern="1200"/>
        </a:p>
      </dsp:txBody>
      <dsp:txXfrm>
        <a:off x="3049502" y="269382"/>
        <a:ext cx="180827" cy="181315"/>
      </dsp:txXfrm>
    </dsp:sp>
    <dsp:sp modelId="{57BFB2C4-223B-4F64-A492-774E1D58ECD9}">
      <dsp:nvSpPr>
        <dsp:cNvPr id="0" name=""/>
        <dsp:cNvSpPr/>
      </dsp:nvSpPr>
      <dsp:spPr>
        <a:xfrm>
          <a:off x="3415057"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Taxonomic analysis</a:t>
          </a:r>
        </a:p>
      </dsp:txBody>
      <dsp:txXfrm>
        <a:off x="3436147" y="21090"/>
        <a:ext cx="1176334" cy="677900"/>
      </dsp:txXfrm>
    </dsp:sp>
    <dsp:sp modelId="{83861EAB-0FAC-43E2-B876-98CB491762E1}">
      <dsp:nvSpPr>
        <dsp:cNvPr id="0" name=""/>
        <dsp:cNvSpPr/>
      </dsp:nvSpPr>
      <dsp:spPr>
        <a:xfrm>
          <a:off x="4755422"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4755422" y="269382"/>
        <a:ext cx="180827" cy="181315"/>
      </dsp:txXfrm>
    </dsp:sp>
    <dsp:sp modelId="{F6DA041F-3BFF-468C-9D23-E6BDEAE67857}">
      <dsp:nvSpPr>
        <dsp:cNvPr id="0" name=""/>
        <dsp:cNvSpPr/>
      </dsp:nvSpPr>
      <dsp:spPr>
        <a:xfrm>
          <a:off x="5120976"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Subtyping</a:t>
          </a:r>
        </a:p>
      </dsp:txBody>
      <dsp:txXfrm>
        <a:off x="5142066" y="21090"/>
        <a:ext cx="1176334" cy="677900"/>
      </dsp:txXfrm>
    </dsp:sp>
    <dsp:sp modelId="{51234241-2F82-4B59-B4B1-1722990AACF1}">
      <dsp:nvSpPr>
        <dsp:cNvPr id="0" name=""/>
        <dsp:cNvSpPr/>
      </dsp:nvSpPr>
      <dsp:spPr>
        <a:xfrm>
          <a:off x="6461342"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6461342" y="269382"/>
        <a:ext cx="180827" cy="181315"/>
      </dsp:txXfrm>
    </dsp:sp>
    <dsp:sp modelId="{18A6CE14-701C-4E75-A63D-F57E49016B45}">
      <dsp:nvSpPr>
        <dsp:cNvPr id="0" name=""/>
        <dsp:cNvSpPr/>
      </dsp:nvSpPr>
      <dsp:spPr>
        <a:xfrm>
          <a:off x="6826896"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AMR detection</a:t>
          </a:r>
        </a:p>
      </dsp:txBody>
      <dsp:txXfrm>
        <a:off x="6847986" y="21090"/>
        <a:ext cx="1176334" cy="677900"/>
      </dsp:txXfrm>
    </dsp:sp>
    <dsp:sp modelId="{00D342C2-30E5-4C4F-A665-214CCE5387DE}">
      <dsp:nvSpPr>
        <dsp:cNvPr id="0" name=""/>
        <dsp:cNvSpPr/>
      </dsp:nvSpPr>
      <dsp:spPr>
        <a:xfrm>
          <a:off x="8167262"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8167262" y="269382"/>
        <a:ext cx="180827" cy="181315"/>
      </dsp:txXfrm>
    </dsp:sp>
    <dsp:sp modelId="{867F8DBA-30B3-4774-B19C-4A3177603398}">
      <dsp:nvSpPr>
        <dsp:cNvPr id="0" name=""/>
        <dsp:cNvSpPr/>
      </dsp:nvSpPr>
      <dsp:spPr>
        <a:xfrm>
          <a:off x="8532816"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Detection of VFs and MGEs</a:t>
          </a:r>
        </a:p>
      </dsp:txBody>
      <dsp:txXfrm>
        <a:off x="8553906" y="21090"/>
        <a:ext cx="1176334" cy="677900"/>
      </dsp:txXfrm>
    </dsp:sp>
    <dsp:sp modelId="{535B1698-92B3-49A2-AED3-CDE43C6E4C53}">
      <dsp:nvSpPr>
        <dsp:cNvPr id="0" name=""/>
        <dsp:cNvSpPr/>
      </dsp:nvSpPr>
      <dsp:spPr>
        <a:xfrm>
          <a:off x="9873181" y="208944"/>
          <a:ext cx="258324" cy="302191"/>
        </a:xfrm>
        <a:prstGeom prst="rightArrow">
          <a:avLst>
            <a:gd name="adj1" fmla="val 60000"/>
            <a:gd name="adj2" fmla="val 50000"/>
          </a:avLst>
        </a:prstGeom>
        <a:solidFill>
          <a:schemeClr val="dk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lvl="0" algn="ctr" defTabSz="444500">
            <a:lnSpc>
              <a:spcPct val="90000"/>
            </a:lnSpc>
            <a:spcBef>
              <a:spcPct val="0"/>
            </a:spcBef>
            <a:spcAft>
              <a:spcPct val="35000"/>
            </a:spcAft>
          </a:pPr>
          <a:endParaRPr lang="da-DK" sz="1000" kern="1200"/>
        </a:p>
      </dsp:txBody>
      <dsp:txXfrm>
        <a:off x="9873181" y="269382"/>
        <a:ext cx="180827" cy="181315"/>
      </dsp:txXfrm>
    </dsp:sp>
    <dsp:sp modelId="{BAC1C697-CA39-4F60-9444-A4FECFF1437F}">
      <dsp:nvSpPr>
        <dsp:cNvPr id="0" name=""/>
        <dsp:cNvSpPr/>
      </dsp:nvSpPr>
      <dsp:spPr>
        <a:xfrm>
          <a:off x="10238736" y="0"/>
          <a:ext cx="1218514" cy="720080"/>
        </a:xfrm>
        <a:prstGeom prst="roundRect">
          <a:avLst>
            <a:gd name="adj" fmla="val 10000"/>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1910" tIns="41910" rIns="41910" bIns="41910" numCol="1" spcCol="1270" anchor="ctr" anchorCtr="0">
          <a:noAutofit/>
        </a:bodyPr>
        <a:lstStyle/>
        <a:p>
          <a:pPr lvl="0" algn="ctr" defTabSz="466725">
            <a:lnSpc>
              <a:spcPct val="90000"/>
            </a:lnSpc>
            <a:spcBef>
              <a:spcPct val="0"/>
            </a:spcBef>
            <a:spcAft>
              <a:spcPct val="35000"/>
            </a:spcAft>
          </a:pPr>
          <a:r>
            <a:rPr lang="en-US" sz="1050" kern="1200" noProof="0"/>
            <a:t>Epidemiology</a:t>
          </a:r>
        </a:p>
      </dsp:txBody>
      <dsp:txXfrm>
        <a:off x="10259826" y="21090"/>
        <a:ext cx="1176334" cy="677900"/>
      </dsp:txXfrm>
    </dsp:sp>
  </dsp:spTree>
</dsp:drawing>
</file>

<file path=ppt/diagrams/layout1.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3.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layout4.xml><?xml version="1.0" encoding="utf-8"?>
<dgm:layoutDef xmlns:dgm="http://schemas.openxmlformats.org/drawingml/2006/diagram" xmlns:a="http://schemas.openxmlformats.org/drawingml/2006/main" uniqueId="urn:microsoft.com/office/officeart/2005/8/layout/process1">
  <dgm:title val=""/>
  <dgm:desc val=""/>
  <dgm:catLst>
    <dgm:cat type="process" pri="1000"/>
    <dgm:cat type="convert" pri="15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dir/>
      <dgm:resizeHandles val="exact"/>
    </dgm:varLst>
    <dgm:choose name="Name1">
      <dgm:if name="Name2" func="var" arg="dir" op="equ" val="norm">
        <dgm:alg type="lin"/>
      </dgm:if>
      <dgm:else name="Name3">
        <dgm:alg type="lin">
          <dgm:param type="linDir" val="fromR"/>
        </dgm:alg>
      </dgm:else>
    </dgm:choose>
    <dgm:shape xmlns:r="http://schemas.openxmlformats.org/officeDocument/2006/relationships" r:blip="">
      <dgm:adjLst/>
    </dgm:shape>
    <dgm:presOf/>
    <dgm:constrLst>
      <dgm:constr type="w" for="ch" ptType="node" refType="w"/>
      <dgm:constr type="h" for="ch" ptType="node" op="equ"/>
      <dgm:constr type="primFontSz" for="ch" ptType="node" op="equ" val="65"/>
      <dgm:constr type="w" for="ch" ptType="sibTrans" refType="w" refFor="ch" refPtType="node" op="equ" fact="0.4"/>
      <dgm:constr type="h" for="ch" ptType="sibTrans" op="equ"/>
      <dgm:constr type="primFontSz" for="des" forName="connectorText" op="equ" val="55"/>
      <dgm:constr type="primFontSz" for="des" forName="connectorText" refType="primFontSz" refFor="ch" refPtType="node" op="lte" fact="0.8"/>
    </dgm:constrLst>
    <dgm:ruleLst/>
    <dgm:forEach name="nodesForEach" axis="ch" ptType="node">
      <dgm:layoutNode name="node">
        <dgm:varLst>
          <dgm:bulletEnabled val="1"/>
        </dgm:varLst>
        <dgm:alg type="tx"/>
        <dgm:shape xmlns:r="http://schemas.openxmlformats.org/officeDocument/2006/relationships" type="roundRect" r:blip="">
          <dgm:adjLst>
            <dgm:adj idx="1" val="0.1"/>
          </dgm:adjLst>
        </dgm:shape>
        <dgm:presOf axis="desOrSelf" ptType="node"/>
        <dgm:constrLst>
          <dgm:constr type="h" refType="w" fact="0.6"/>
          <dgm:constr type="tMarg" refType="primFontSz" fact="0.3"/>
          <dgm:constr type="bMarg" refType="primFontSz" fact="0.3"/>
          <dgm:constr type="lMarg" refType="primFontSz" fact="0.3"/>
          <dgm:constr type="rMarg" refType="primFontSz" fact="0.3"/>
        </dgm:constrLst>
        <dgm:ruleLst>
          <dgm:rule type="primFontSz" val="18" fact="NaN" max="NaN"/>
          <dgm:rule type="h" val="NaN" fact="1.5" max="NaN"/>
          <dgm:rule type="primFontSz" val="5" fact="NaN" max="NaN"/>
          <dgm:rule type="h" val="INF" fact="NaN" max="NaN"/>
        </dgm:ruleLst>
      </dgm:layoutNode>
      <dgm:forEach name="sibTransForEach" axis="followSib" ptType="sibTrans" cnt="1">
        <dgm:layoutNode name="sibTrans">
          <dgm:alg type="conn">
            <dgm:param type="begPts" val="auto"/>
            <dgm:param type="endPts" val="auto"/>
          </dgm:alg>
          <dgm:shape xmlns:r="http://schemas.openxmlformats.org/officeDocument/2006/relationships" type="conn" r:blip="">
            <dgm:adjLst/>
          </dgm:shape>
          <dgm:presOf axis="self"/>
          <dgm:constrLst>
            <dgm:constr type="h" refType="w" fact="0.62"/>
            <dgm:constr type="connDist"/>
            <dgm:constr type="begPad" refType="connDist" fact="0.25"/>
            <dgm:constr type="endPad" refType="connDist" fact="0.22"/>
          </dgm:constrLst>
          <dgm:ruleLst/>
          <dgm:layoutNode name="connectorText">
            <dgm:alg type="tx">
              <dgm:param type="autoTxRot" val="grav"/>
            </dgm:alg>
            <dgm:shape xmlns:r="http://schemas.openxmlformats.org/officeDocument/2006/relationships" type="conn" r:blip="" hideGeom="1">
              <dgm:adjLst/>
            </dgm:shape>
            <dgm:presOf axis="self"/>
            <dgm:constrLst>
              <dgm:constr type="lMarg"/>
              <dgm:constr type="rMarg"/>
              <dgm:constr type="tMarg"/>
              <dgm:constr type="bMarg"/>
            </dgm:constrLst>
            <dgm:ruleLst>
              <dgm:rule type="primFontSz" val="5" fact="NaN" max="NaN"/>
            </dgm:ruleLst>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err="1"/>
              <a:t>Click</a:t>
            </a:r>
            <a:r>
              <a:rPr lang="da-DK"/>
              <a:t> to </a:t>
            </a:r>
            <a:r>
              <a:rPr lang="da-DK" err="1"/>
              <a:t>edit</a:t>
            </a:r>
            <a:r>
              <a:rPr lang="da-DK"/>
              <a:t> Master </a:t>
            </a:r>
            <a:r>
              <a:rPr lang="da-DK" err="1"/>
              <a:t>text</a:t>
            </a:r>
            <a:r>
              <a:rPr lang="da-DK"/>
              <a:t> </a:t>
            </a:r>
            <a:r>
              <a:rPr lang="da-DK" err="1"/>
              <a:t>styles</a:t>
            </a:r>
            <a:endParaRPr lang="da-DK"/>
          </a:p>
          <a:p>
            <a:pPr lvl="1"/>
            <a:r>
              <a:rPr lang="da-DK"/>
              <a:t>Second </a:t>
            </a:r>
            <a:r>
              <a:rPr lang="da-DK" err="1"/>
              <a:t>level</a:t>
            </a:r>
            <a:endParaRPr lang="da-DK"/>
          </a:p>
          <a:p>
            <a:pPr lvl="2"/>
            <a:r>
              <a:rPr lang="da-DK"/>
              <a:t>Third </a:t>
            </a:r>
            <a:r>
              <a:rPr lang="da-DK" err="1"/>
              <a:t>level</a:t>
            </a:r>
            <a:endParaRPr lang="da-DK"/>
          </a:p>
          <a:p>
            <a:pPr lvl="3"/>
            <a:r>
              <a:rPr lang="da-DK" err="1"/>
              <a:t>Fourth</a:t>
            </a:r>
            <a:r>
              <a:rPr lang="da-DK"/>
              <a:t> </a:t>
            </a:r>
            <a:r>
              <a:rPr lang="da-DK" err="1"/>
              <a:t>level</a:t>
            </a:r>
            <a:endParaRPr lang="da-DK"/>
          </a:p>
          <a:p>
            <a:pPr lvl="4"/>
            <a:r>
              <a:rPr lang="da-DK"/>
              <a:t>Fifth </a:t>
            </a:r>
            <a:r>
              <a:rPr lang="da-DK" err="1"/>
              <a:t>level</a:t>
            </a:r>
            <a:endParaRPr lang="da-DK"/>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smtClean="0"/>
              <a:t>Morning program</a:t>
            </a:r>
            <a:endParaRPr lang="en-US" dirty="0"/>
          </a:p>
        </p:txBody>
      </p:sp>
      <p:sp>
        <p:nvSpPr>
          <p:cNvPr id="4" name="Slide Number Placeholder 3"/>
          <p:cNvSpPr>
            <a:spLocks noGrp="1"/>
          </p:cNvSpPr>
          <p:nvPr>
            <p:ph type="sldNum" sz="quarter" idx="10"/>
          </p:nvPr>
        </p:nvSpPr>
        <p:spPr/>
        <p:txBody>
          <a:bodyPr/>
          <a:lstStyle/>
          <a:p>
            <a:fld id="{C734BB09-483B-4C4B-A5A4-C02A22055B01}" type="slidenum">
              <a:rPr lang="da-DK" smtClean="0"/>
              <a:pPr/>
              <a:t>2</a:t>
            </a:fld>
            <a:endParaRPr lang="da-DK"/>
          </a:p>
        </p:txBody>
      </p:sp>
    </p:spTree>
    <p:extLst>
      <p:ext uri="{BB962C8B-B14F-4D97-AF65-F5344CB8AC3E}">
        <p14:creationId xmlns:p14="http://schemas.microsoft.com/office/powerpoint/2010/main" val="361025552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smtClean="0"/>
              <a:t>Brief overview of a</a:t>
            </a:r>
            <a:r>
              <a:rPr lang="en-US" baseline="0" dirty="0" smtClean="0"/>
              <a:t> workflow.</a:t>
            </a:r>
          </a:p>
          <a:p>
            <a:r>
              <a:rPr lang="en-US" baseline="0" dirty="0" smtClean="0"/>
              <a:t>While we have not really dealt with the sample preparation and the sequencing steps (which I the first 7 steps here) they are of cause important for what we do subsequently with the produced read data.</a:t>
            </a:r>
          </a:p>
          <a:p>
            <a:r>
              <a:rPr lang="en-US" baseline="0" dirty="0" smtClean="0"/>
              <a:t>So far you have taken a look at the raw data QC (both trimming and QC), assembly and SNP analysis. </a:t>
            </a:r>
          </a:p>
          <a:p>
            <a:r>
              <a:rPr lang="en-US" baseline="0" dirty="0" smtClean="0"/>
              <a:t>Then you conduct another QC of the assembly, after which we are finally ready to conduct some annotation and analysis.</a:t>
            </a:r>
          </a:p>
          <a:p>
            <a:r>
              <a:rPr lang="en-US" baseline="0" dirty="0" smtClean="0"/>
              <a:t>We could call these steps the preprocessing of the reads data, but some would likely include the annotation as part of the preprocessing as this is really the fundamental information we need to acquire to conduct </a:t>
            </a:r>
            <a:r>
              <a:rPr lang="en-US" baseline="0" dirty="0" err="1" smtClean="0"/>
              <a:t>meaningfull</a:t>
            </a:r>
            <a:r>
              <a:rPr lang="en-US" baseline="0" dirty="0" smtClean="0"/>
              <a:t> analysis.</a:t>
            </a:r>
          </a:p>
        </p:txBody>
      </p:sp>
      <p:sp>
        <p:nvSpPr>
          <p:cNvPr id="4" name="Slide Number Placeholder 3"/>
          <p:cNvSpPr>
            <a:spLocks noGrp="1"/>
          </p:cNvSpPr>
          <p:nvPr>
            <p:ph type="sldNum" sz="quarter" idx="10"/>
          </p:nvPr>
        </p:nvSpPr>
        <p:spPr/>
        <p:txBody>
          <a:bodyPr/>
          <a:lstStyle/>
          <a:p>
            <a:fld id="{C734BB09-483B-4C4B-A5A4-C02A22055B01}" type="slidenum">
              <a:rPr lang="da-DK" smtClean="0"/>
              <a:pPr/>
              <a:t>3</a:t>
            </a:fld>
            <a:endParaRPr lang="da-DK"/>
          </a:p>
        </p:txBody>
      </p:sp>
    </p:spTree>
    <p:extLst>
      <p:ext uri="{BB962C8B-B14F-4D97-AF65-F5344CB8AC3E}">
        <p14:creationId xmlns:p14="http://schemas.microsoft.com/office/powerpoint/2010/main" val="262698644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baseline="0" dirty="0" smtClean="0"/>
              <a:t>This is the subject of today,</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baseline="0" dirty="0" smtClean="0"/>
              <a:t>We will type and annotate our isolates, continuing with the E. coli isolates you have been using so far.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baseline="0" dirty="0" smtClean="0"/>
              <a:t>These steps are not really a progression like the ones we have looked at before and can be conducted in parallel.</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baseline="0" dirty="0" smtClean="0"/>
              <a:t>Afterwards further epidemiological studies can be conducted, but at that point we move into new territory, we are not going to deal with this today</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baseline="0" dirty="0" smtClean="0"/>
              <a:t>So this work flow connects the Raw data QC to the annotation. The reason is that we do not have to wait for phylogeny or assembly to complete, we have the option to conduct some of the analysis already at </a:t>
            </a:r>
            <a:r>
              <a:rPr lang="en-US" baseline="0" dirty="0" err="1" smtClean="0"/>
              <a:t>thi</a:t>
            </a:r>
            <a:r>
              <a:rPr lang="en-US" baseline="0" dirty="0" smtClean="0"/>
              <a:t> step using the trimmed or raw reads.</a:t>
            </a:r>
          </a:p>
        </p:txBody>
      </p:sp>
      <p:sp>
        <p:nvSpPr>
          <p:cNvPr id="4" name="Slide Number Placeholder 3"/>
          <p:cNvSpPr>
            <a:spLocks noGrp="1"/>
          </p:cNvSpPr>
          <p:nvPr>
            <p:ph type="sldNum" sz="quarter" idx="10"/>
          </p:nvPr>
        </p:nvSpPr>
        <p:spPr/>
        <p:txBody>
          <a:bodyPr/>
          <a:lstStyle/>
          <a:p>
            <a:fld id="{C734BB09-483B-4C4B-A5A4-C02A22055B01}" type="slidenum">
              <a:rPr lang="da-DK" smtClean="0"/>
              <a:pPr/>
              <a:t>4</a:t>
            </a:fld>
            <a:endParaRPr lang="da-DK"/>
          </a:p>
        </p:txBody>
      </p:sp>
    </p:spTree>
    <p:extLst>
      <p:ext uri="{BB962C8B-B14F-4D97-AF65-F5344CB8AC3E}">
        <p14:creationId xmlns:p14="http://schemas.microsoft.com/office/powerpoint/2010/main" val="390601435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a:t>Click to edit Master title style</a:t>
            </a:r>
            <a:endParaRPr lang="en-GB" dirty="0"/>
          </a:p>
        </p:txBody>
      </p:sp>
      <p:sp>
        <p:nvSpPr>
          <p:cNvPr id="4" name="Slide Number Placeholder 4"/>
          <p:cNvSpPr>
            <a:spLocks noGrp="1"/>
          </p:cNvSpPr>
          <p:nvPr>
            <p:ph type="sldNum" sz="quarter" idx="10"/>
          </p:nvPr>
        </p:nvSpPr>
        <p:spPr>
          <a:xfrm>
            <a:off x="9106815" y="6480016"/>
            <a:ext cx="2555667" cy="365125"/>
          </a:xfrm>
          <a:prstGeom prst="rect">
            <a:avLst/>
          </a:prstGeom>
        </p:spPr>
        <p:txBody>
          <a:bodyPr/>
          <a:lstStyle/>
          <a:p>
            <a:fld id="{0580567E-5E8F-47A5-90DF-8BFEB1A71525}" type="slidenum">
              <a:rPr lang="en-GB" smtClean="0"/>
              <a:pPr/>
              <a:t>‹#›</a:t>
            </a:fld>
            <a:endParaRPr lang="en-GB" dirty="0"/>
          </a:p>
        </p:txBody>
      </p:sp>
    </p:spTree>
    <p:extLst>
      <p:ext uri="{BB962C8B-B14F-4D97-AF65-F5344CB8AC3E}">
        <p14:creationId xmlns:p14="http://schemas.microsoft.com/office/powerpoint/2010/main" val="39587770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Last Slide">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a:t>Click to edit Master title style</a:t>
            </a:r>
            <a:endParaRPr lang="en-GB" dirty="0"/>
          </a:p>
        </p:txBody>
      </p:sp>
      <p:sp>
        <p:nvSpPr>
          <p:cNvPr id="4" name="Slide Number Placeholder 4"/>
          <p:cNvSpPr>
            <a:spLocks noGrp="1"/>
          </p:cNvSpPr>
          <p:nvPr>
            <p:ph type="sldNum" sz="quarter" idx="10"/>
          </p:nvPr>
        </p:nvSpPr>
        <p:spPr>
          <a:xfrm>
            <a:off x="9106815" y="6480016"/>
            <a:ext cx="2555667" cy="365125"/>
          </a:xfrm>
          <a:prstGeom prst="rect">
            <a:avLst/>
          </a:prstGeom>
        </p:spPr>
        <p:txBody>
          <a:bodyPr/>
          <a:lstStyle/>
          <a:p>
            <a:fld id="{0580567E-5E8F-47A5-90DF-8BFEB1A71525}" type="slidenum">
              <a:rPr lang="en-GB" smtClean="0"/>
              <a:pPr/>
              <a:t>‹#›</a:t>
            </a:fld>
            <a:endParaRPr lang="en-GB" dirty="0"/>
          </a:p>
        </p:txBody>
      </p:sp>
    </p:spTree>
    <p:extLst>
      <p:ext uri="{BB962C8B-B14F-4D97-AF65-F5344CB8AC3E}">
        <p14:creationId xmlns:p14="http://schemas.microsoft.com/office/powerpoint/2010/main" val="42725998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a:p>
        </p:txBody>
      </p:sp>
      <p:sp>
        <p:nvSpPr>
          <p:cNvPr id="3" name="Content Placeholder 2"/>
          <p:cNvSpPr>
            <a:spLocks noGrp="1"/>
          </p:cNvSpPr>
          <p:nvPr>
            <p:ph idx="1"/>
          </p:nvPr>
        </p:nvSpPr>
        <p:spPr>
          <a:xfrm>
            <a:off x="1774726" y="1706328"/>
            <a:ext cx="6048672"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a:t>Click the placeholder and paste image via Skyfish icon</a:t>
            </a:r>
          </a:p>
          <a:p>
            <a:endParaRPr lang="en-GB"/>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a:p>
        </p:txBody>
      </p:sp>
      <p:sp>
        <p:nvSpPr>
          <p:cNvPr id="3" name="Content Placeholder 2"/>
          <p:cNvSpPr>
            <a:spLocks noGrp="1"/>
          </p:cNvSpPr>
          <p:nvPr>
            <p:ph idx="1"/>
          </p:nvPr>
        </p:nvSpPr>
        <p:spPr>
          <a:xfrm>
            <a:off x="4221360" y="1706328"/>
            <a:ext cx="6865740" cy="4545578"/>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a:t>Click the placeholder and paste image via Skyfish icon</a:t>
            </a:r>
          </a:p>
          <a:p>
            <a:endParaRPr lang="en-GB"/>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_rels/slideMaster2.xml.rels><?xml version="1.0" encoding="UTF-8" standalone="yes"?>
<Relationships xmlns="http://schemas.openxmlformats.org/package/2006/relationships"><Relationship Id="rId3" Type="http://schemas.openxmlformats.org/officeDocument/2006/relationships/theme" Target="../theme/theme2.xml"/><Relationship Id="rId2" Type="http://schemas.openxmlformats.org/officeDocument/2006/relationships/slideLayout" Target="../slideLayouts/slideLayout13.xml"/><Relationship Id="rId1" Type="http://schemas.openxmlformats.org/officeDocument/2006/relationships/slideLayout" Target="../slideLayouts/slideLayout12.xml"/><Relationship Id="rId5" Type="http://schemas.openxmlformats.org/officeDocument/2006/relationships/image" Target="../media/image2.jpeg"/><Relationship Id="rId4"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a:t>Edit Master text styles</a:t>
            </a:r>
          </a:p>
          <a:p>
            <a:pPr lvl="1"/>
            <a:r>
              <a:rPr lang="en-GB"/>
              <a:t>Second level</a:t>
            </a:r>
          </a:p>
          <a:p>
            <a:pPr lvl="2"/>
            <a:r>
              <a:rPr lang="en-GB"/>
              <a:t>Third level</a:t>
            </a:r>
          </a:p>
          <a:p>
            <a:pPr lvl="3"/>
            <a:r>
              <a:rPr lang="en-GB"/>
              <a:t>Fourth level</a:t>
            </a:r>
          </a:p>
          <a:p>
            <a:pPr lvl="4"/>
            <a:r>
              <a:rPr lang="en-GB"/>
              <a:t>Fifth level</a:t>
            </a:r>
          </a:p>
          <a:p>
            <a:pPr lvl="5"/>
            <a:endParaRPr lang="en-GB"/>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78" r:id="rId8"/>
    <p:sldLayoutId id="2147483679" r:id="rId9"/>
    <p:sldLayoutId id="2147483680"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pic>
        <p:nvPicPr>
          <p:cNvPr id="3" name="Picture 2"/>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 y="0"/>
            <a:ext cx="12190413" cy="6858000"/>
          </a:xfrm>
          <a:prstGeom prst="rect">
            <a:avLst/>
          </a:prstGeom>
        </p:spPr>
      </p:pic>
      <p:sp>
        <p:nvSpPr>
          <p:cNvPr id="8" name="Title Placeholder 7"/>
          <p:cNvSpPr>
            <a:spLocks noGrp="1"/>
          </p:cNvSpPr>
          <p:nvPr>
            <p:ph type="title"/>
          </p:nvPr>
        </p:nvSpPr>
        <p:spPr>
          <a:xfrm>
            <a:off x="431944" y="4320015"/>
            <a:ext cx="10971372" cy="1941811"/>
          </a:xfrm>
          <a:prstGeom prst="rect">
            <a:avLst/>
          </a:prstGeom>
        </p:spPr>
        <p:txBody>
          <a:bodyPr vert="horz" lIns="0" tIns="0" rIns="0" bIns="0" rtlCol="0" anchor="t" anchorCtr="0">
            <a:normAutofit/>
          </a:bodyPr>
          <a:lstStyle/>
          <a:p>
            <a:r>
              <a:rPr lang="en-GB"/>
              <a:t>Click to edit Master title style</a:t>
            </a:r>
            <a:endParaRPr lang="en-GB" dirty="0"/>
          </a:p>
        </p:txBody>
      </p:sp>
      <p:pic>
        <p:nvPicPr>
          <p:cNvPr id="7" name="Picture 8"/>
          <p:cNvPicPr>
            <a:picLocks noChangeArrowheads="1"/>
          </p:cNvPicPr>
          <p:nvPr/>
        </p:nvPicPr>
        <p:blipFill>
          <a:blip r:embed="rId5" cstate="print">
            <a:clrChange>
              <a:clrFrom>
                <a:srgbClr val="FFFFFF"/>
              </a:clrFrom>
              <a:clrTo>
                <a:srgbClr val="FFFFFF">
                  <a:alpha val="0"/>
                </a:srgbClr>
              </a:clrTo>
            </a:clrChange>
            <a:lum bright="-6000"/>
          </a:blip>
          <a:srcRect/>
          <a:stretch>
            <a:fillRect/>
          </a:stretch>
        </p:blipFill>
        <p:spPr bwMode="auto">
          <a:xfrm>
            <a:off x="10916352" y="139754"/>
            <a:ext cx="882536" cy="793750"/>
          </a:xfrm>
          <a:prstGeom prst="rect">
            <a:avLst/>
          </a:prstGeom>
          <a:noFill/>
        </p:spPr>
      </p:pic>
      <p:sp>
        <p:nvSpPr>
          <p:cNvPr id="6" name="Slide Number Placeholder 4"/>
          <p:cNvSpPr>
            <a:spLocks noGrp="1"/>
          </p:cNvSpPr>
          <p:nvPr>
            <p:ph type="sldNum" sz="quarter" idx="4"/>
          </p:nvPr>
        </p:nvSpPr>
        <p:spPr>
          <a:xfrm>
            <a:off x="9106815" y="6480016"/>
            <a:ext cx="2555667" cy="365125"/>
          </a:xfrm>
          <a:prstGeom prst="rect">
            <a:avLst/>
          </a:prstGeom>
        </p:spPr>
        <p:txBody>
          <a:bodyPr tIns="36000" bIns="36000" anchor="ctr" anchorCtr="0"/>
          <a:lstStyle>
            <a:lvl1pPr algn="r">
              <a:lnSpc>
                <a:spcPct val="100000"/>
              </a:lnSpc>
              <a:defRPr sz="1200">
                <a:solidFill>
                  <a:schemeClr val="bg1"/>
                </a:solidFill>
              </a:defRPr>
            </a:lvl1pPr>
          </a:lstStyle>
          <a:p>
            <a:fld id="{0580567E-5E8F-47A5-90DF-8BFEB1A71525}" type="slidenum">
              <a:rPr lang="en-GB" smtClean="0"/>
              <a:pPr/>
              <a:t>‹#›</a:t>
            </a:fld>
            <a:endParaRPr lang="en-GB" dirty="0"/>
          </a:p>
        </p:txBody>
      </p:sp>
    </p:spTree>
    <p:extLst>
      <p:ext uri="{BB962C8B-B14F-4D97-AF65-F5344CB8AC3E}">
        <p14:creationId xmlns:p14="http://schemas.microsoft.com/office/powerpoint/2010/main" val="1872824447"/>
      </p:ext>
    </p:extLst>
  </p:cSld>
  <p:clrMap bg1="lt1" tx1="dk1" bg2="lt2" tx2="dk2" accent1="accent1" accent2="accent2" accent3="accent3" accent4="accent4" accent5="accent5" accent6="accent6" hlink="hlink" folHlink="folHlink"/>
  <p:sldLayoutIdLst>
    <p:sldLayoutId id="2147483667" r:id="rId1"/>
    <p:sldLayoutId id="2147483668" r:id="rId2"/>
  </p:sldLayoutIdLst>
  <p:hf hdr="0" dt="0"/>
  <p:txStyles>
    <p:titleStyle>
      <a:lvl1pPr algn="l" rtl="0" eaLnBrk="1" fontAlgn="base" hangingPunct="1">
        <a:lnSpc>
          <a:spcPct val="90000"/>
        </a:lnSpc>
        <a:spcBef>
          <a:spcPct val="0"/>
        </a:spcBef>
        <a:spcAft>
          <a:spcPct val="0"/>
        </a:spcAft>
        <a:defRPr sz="4000" b="1">
          <a:solidFill>
            <a:schemeClr val="bg1"/>
          </a:solidFill>
          <a:latin typeface="Tahoma" pitchFamily="34" charset="0"/>
          <a:ea typeface="+mj-ea"/>
          <a:cs typeface="Tahoma" pitchFamily="34" charset="0"/>
        </a:defRPr>
      </a:lvl1pPr>
      <a:lvl2pPr algn="l" rtl="0" eaLnBrk="1" fontAlgn="base" hangingPunct="1">
        <a:lnSpc>
          <a:spcPct val="90000"/>
        </a:lnSpc>
        <a:spcBef>
          <a:spcPct val="0"/>
        </a:spcBef>
        <a:spcAft>
          <a:spcPct val="0"/>
        </a:spcAft>
        <a:defRPr sz="3200">
          <a:solidFill>
            <a:schemeClr val="bg1"/>
          </a:solidFill>
          <a:latin typeface="Tahoma" pitchFamily="34" charset="0"/>
        </a:defRPr>
      </a:lvl2pPr>
      <a:lvl3pPr algn="l" rtl="0" eaLnBrk="1" fontAlgn="base" hangingPunct="1">
        <a:lnSpc>
          <a:spcPct val="90000"/>
        </a:lnSpc>
        <a:spcBef>
          <a:spcPct val="0"/>
        </a:spcBef>
        <a:spcAft>
          <a:spcPct val="0"/>
        </a:spcAft>
        <a:defRPr sz="3200">
          <a:solidFill>
            <a:schemeClr val="bg1"/>
          </a:solidFill>
          <a:latin typeface="Tahoma" pitchFamily="34" charset="0"/>
        </a:defRPr>
      </a:lvl3pPr>
      <a:lvl4pPr algn="l" rtl="0" eaLnBrk="1" fontAlgn="base" hangingPunct="1">
        <a:lnSpc>
          <a:spcPct val="90000"/>
        </a:lnSpc>
        <a:spcBef>
          <a:spcPct val="0"/>
        </a:spcBef>
        <a:spcAft>
          <a:spcPct val="0"/>
        </a:spcAft>
        <a:defRPr sz="3200">
          <a:solidFill>
            <a:schemeClr val="bg1"/>
          </a:solidFill>
          <a:latin typeface="Tahoma" pitchFamily="34" charset="0"/>
        </a:defRPr>
      </a:lvl4pPr>
      <a:lvl5pPr algn="l" rtl="0" eaLnBrk="1" fontAlgn="base" hangingPunct="1">
        <a:lnSpc>
          <a:spcPct val="90000"/>
        </a:lnSpc>
        <a:spcBef>
          <a:spcPct val="0"/>
        </a:spcBef>
        <a:spcAft>
          <a:spcPct val="0"/>
        </a:spcAft>
        <a:defRPr sz="3200">
          <a:solidFill>
            <a:schemeClr val="bg1"/>
          </a:solidFill>
          <a:latin typeface="Tahoma" pitchFamily="34" charset="0"/>
        </a:defRPr>
      </a:lvl5pPr>
      <a:lvl6pPr marL="457132" algn="l" rtl="0" eaLnBrk="1" fontAlgn="base" hangingPunct="1">
        <a:lnSpc>
          <a:spcPct val="90000"/>
        </a:lnSpc>
        <a:spcBef>
          <a:spcPct val="0"/>
        </a:spcBef>
        <a:spcAft>
          <a:spcPct val="0"/>
        </a:spcAft>
        <a:defRPr sz="3200">
          <a:solidFill>
            <a:schemeClr val="bg1"/>
          </a:solidFill>
          <a:latin typeface="Tahoma" pitchFamily="34" charset="0"/>
        </a:defRPr>
      </a:lvl6pPr>
      <a:lvl7pPr marL="914263" algn="l" rtl="0" eaLnBrk="1" fontAlgn="base" hangingPunct="1">
        <a:lnSpc>
          <a:spcPct val="90000"/>
        </a:lnSpc>
        <a:spcBef>
          <a:spcPct val="0"/>
        </a:spcBef>
        <a:spcAft>
          <a:spcPct val="0"/>
        </a:spcAft>
        <a:defRPr sz="3200">
          <a:solidFill>
            <a:schemeClr val="bg1"/>
          </a:solidFill>
          <a:latin typeface="Tahoma" pitchFamily="34" charset="0"/>
        </a:defRPr>
      </a:lvl7pPr>
      <a:lvl8pPr marL="1371395" algn="l" rtl="0" eaLnBrk="1" fontAlgn="base" hangingPunct="1">
        <a:lnSpc>
          <a:spcPct val="90000"/>
        </a:lnSpc>
        <a:spcBef>
          <a:spcPct val="0"/>
        </a:spcBef>
        <a:spcAft>
          <a:spcPct val="0"/>
        </a:spcAft>
        <a:defRPr sz="3200">
          <a:solidFill>
            <a:schemeClr val="bg1"/>
          </a:solidFill>
          <a:latin typeface="Tahoma" pitchFamily="34" charset="0"/>
        </a:defRPr>
      </a:lvl8pPr>
      <a:lvl9pPr marL="1828526" algn="l" rtl="0" eaLnBrk="1" fontAlgn="base" hangingPunct="1">
        <a:lnSpc>
          <a:spcPct val="90000"/>
        </a:lnSpc>
        <a:spcBef>
          <a:spcPct val="0"/>
        </a:spcBef>
        <a:spcAft>
          <a:spcPct val="0"/>
        </a:spcAft>
        <a:defRPr sz="3200">
          <a:solidFill>
            <a:schemeClr val="bg1"/>
          </a:solidFill>
          <a:latin typeface="Tahoma" pitchFamily="34" charset="0"/>
        </a:defRPr>
      </a:lvl9pPr>
    </p:titleStyle>
    <p:bodyStyle>
      <a:lvl1pPr algn="l" rtl="0" eaLnBrk="1" fontAlgn="base" hangingPunct="1">
        <a:lnSpc>
          <a:spcPct val="90000"/>
        </a:lnSpc>
        <a:spcBef>
          <a:spcPct val="0"/>
        </a:spcBef>
        <a:spcAft>
          <a:spcPct val="0"/>
        </a:spcAft>
        <a:defRPr sz="4000" b="1">
          <a:solidFill>
            <a:schemeClr val="bg1"/>
          </a:solidFill>
          <a:latin typeface="+mn-lt"/>
          <a:ea typeface="+mn-ea"/>
          <a:cs typeface="+mn-cs"/>
        </a:defRPr>
      </a:lvl1pPr>
      <a:lvl2pPr marL="822203" indent="-285708" algn="l" rtl="0" eaLnBrk="1" fontAlgn="base" hangingPunct="1">
        <a:spcBef>
          <a:spcPct val="20000"/>
        </a:spcBef>
        <a:spcAft>
          <a:spcPct val="0"/>
        </a:spcAft>
        <a:buChar char="–"/>
        <a:defRPr sz="2800">
          <a:solidFill>
            <a:schemeClr val="tx1"/>
          </a:solidFill>
          <a:latin typeface="Arial" charset="0"/>
        </a:defRPr>
      </a:lvl2pPr>
      <a:lvl3pPr marL="1230129" indent="-228566" algn="l" rtl="0" eaLnBrk="1" fontAlgn="base" hangingPunct="1">
        <a:spcBef>
          <a:spcPct val="20000"/>
        </a:spcBef>
        <a:spcAft>
          <a:spcPct val="0"/>
        </a:spcAft>
        <a:buChar char="•"/>
        <a:defRPr sz="2400">
          <a:solidFill>
            <a:schemeClr val="tx1"/>
          </a:solidFill>
          <a:latin typeface="Arial" charset="0"/>
        </a:defRPr>
      </a:lvl3pPr>
      <a:lvl4pPr marL="1638054" indent="-228566" algn="l" rtl="0" eaLnBrk="1" fontAlgn="base" hangingPunct="1">
        <a:spcBef>
          <a:spcPct val="20000"/>
        </a:spcBef>
        <a:spcAft>
          <a:spcPct val="0"/>
        </a:spcAft>
        <a:buChar char="–"/>
        <a:defRPr sz="2000">
          <a:solidFill>
            <a:schemeClr val="tx1"/>
          </a:solidFill>
          <a:latin typeface="Arial" charset="0"/>
        </a:defRPr>
      </a:lvl4pPr>
      <a:lvl5pPr marL="2057092" indent="-228566" algn="l" rtl="0" eaLnBrk="1" fontAlgn="base" hangingPunct="1">
        <a:spcBef>
          <a:spcPct val="20000"/>
        </a:spcBef>
        <a:spcAft>
          <a:spcPct val="0"/>
        </a:spcAft>
        <a:buChar char="»"/>
        <a:defRPr sz="2000">
          <a:solidFill>
            <a:schemeClr val="tx1"/>
          </a:solidFill>
          <a:latin typeface="Arial" charset="0"/>
        </a:defRPr>
      </a:lvl5pPr>
      <a:lvl6pPr marL="2514223" indent="-228566" algn="l" rtl="0" eaLnBrk="1" fontAlgn="base" hangingPunct="1">
        <a:spcBef>
          <a:spcPct val="20000"/>
        </a:spcBef>
        <a:spcAft>
          <a:spcPct val="0"/>
        </a:spcAft>
        <a:buChar char="»"/>
        <a:defRPr sz="2000">
          <a:solidFill>
            <a:schemeClr val="tx1"/>
          </a:solidFill>
          <a:latin typeface="Arial" charset="0"/>
        </a:defRPr>
      </a:lvl6pPr>
      <a:lvl7pPr marL="2971355" indent="-228566" algn="l" rtl="0" eaLnBrk="1" fontAlgn="base" hangingPunct="1">
        <a:spcBef>
          <a:spcPct val="20000"/>
        </a:spcBef>
        <a:spcAft>
          <a:spcPct val="0"/>
        </a:spcAft>
        <a:buChar char="»"/>
        <a:defRPr sz="2000">
          <a:solidFill>
            <a:schemeClr val="tx1"/>
          </a:solidFill>
          <a:latin typeface="Arial" charset="0"/>
        </a:defRPr>
      </a:lvl7pPr>
      <a:lvl8pPr marL="3428486" indent="-228566" algn="l" rtl="0" eaLnBrk="1" fontAlgn="base" hangingPunct="1">
        <a:spcBef>
          <a:spcPct val="20000"/>
        </a:spcBef>
        <a:spcAft>
          <a:spcPct val="0"/>
        </a:spcAft>
        <a:buChar char="»"/>
        <a:defRPr sz="2000">
          <a:solidFill>
            <a:schemeClr val="tx1"/>
          </a:solidFill>
          <a:latin typeface="Arial" charset="0"/>
        </a:defRPr>
      </a:lvl8pPr>
      <a:lvl9pPr marL="3885617" indent="-228566" algn="l" rtl="0" eaLnBrk="1" fontAlgn="base" hangingPunct="1">
        <a:spcBef>
          <a:spcPct val="20000"/>
        </a:spcBef>
        <a:spcAft>
          <a:spcPct val="0"/>
        </a:spcAft>
        <a:buChar char="»"/>
        <a:defRPr sz="2000">
          <a:solidFill>
            <a:schemeClr val="tx1"/>
          </a:solidFill>
          <a:latin typeface="Arial" charset="0"/>
        </a:defRPr>
      </a:lvl9pPr>
    </p:bodyStyle>
    <p:otherStyle>
      <a:defPPr>
        <a:defRPr lang="en-US"/>
      </a:defPPr>
      <a:lvl1pPr marL="0" algn="l" defTabSz="914263" rtl="0" eaLnBrk="1" latinLnBrk="0" hangingPunct="1">
        <a:defRPr sz="1800" kern="1200">
          <a:solidFill>
            <a:schemeClr val="tx1"/>
          </a:solidFill>
          <a:latin typeface="+mn-lt"/>
          <a:ea typeface="+mn-ea"/>
          <a:cs typeface="+mn-cs"/>
        </a:defRPr>
      </a:lvl1pPr>
      <a:lvl2pPr marL="457132" algn="l" defTabSz="914263" rtl="0" eaLnBrk="1" latinLnBrk="0" hangingPunct="1">
        <a:defRPr sz="1800" kern="1200">
          <a:solidFill>
            <a:schemeClr val="tx1"/>
          </a:solidFill>
          <a:latin typeface="+mn-lt"/>
          <a:ea typeface="+mn-ea"/>
          <a:cs typeface="+mn-cs"/>
        </a:defRPr>
      </a:lvl2pPr>
      <a:lvl3pPr marL="914263" algn="l" defTabSz="914263" rtl="0" eaLnBrk="1" latinLnBrk="0" hangingPunct="1">
        <a:defRPr sz="1800" kern="1200">
          <a:solidFill>
            <a:schemeClr val="tx1"/>
          </a:solidFill>
          <a:latin typeface="+mn-lt"/>
          <a:ea typeface="+mn-ea"/>
          <a:cs typeface="+mn-cs"/>
        </a:defRPr>
      </a:lvl3pPr>
      <a:lvl4pPr marL="1371395" algn="l" defTabSz="914263" rtl="0" eaLnBrk="1" latinLnBrk="0" hangingPunct="1">
        <a:defRPr sz="1800" kern="1200">
          <a:solidFill>
            <a:schemeClr val="tx1"/>
          </a:solidFill>
          <a:latin typeface="+mn-lt"/>
          <a:ea typeface="+mn-ea"/>
          <a:cs typeface="+mn-cs"/>
        </a:defRPr>
      </a:lvl4pPr>
      <a:lvl5pPr marL="1828526" algn="l" defTabSz="914263" rtl="0" eaLnBrk="1" latinLnBrk="0" hangingPunct="1">
        <a:defRPr sz="1800" kern="1200">
          <a:solidFill>
            <a:schemeClr val="tx1"/>
          </a:solidFill>
          <a:latin typeface="+mn-lt"/>
          <a:ea typeface="+mn-ea"/>
          <a:cs typeface="+mn-cs"/>
        </a:defRPr>
      </a:lvl5pPr>
      <a:lvl6pPr marL="2285657" algn="l" defTabSz="914263" rtl="0" eaLnBrk="1" latinLnBrk="0" hangingPunct="1">
        <a:defRPr sz="1800" kern="1200">
          <a:solidFill>
            <a:schemeClr val="tx1"/>
          </a:solidFill>
          <a:latin typeface="+mn-lt"/>
          <a:ea typeface="+mn-ea"/>
          <a:cs typeface="+mn-cs"/>
        </a:defRPr>
      </a:lvl6pPr>
      <a:lvl7pPr marL="2742788" algn="l" defTabSz="914263" rtl="0" eaLnBrk="1" latinLnBrk="0" hangingPunct="1">
        <a:defRPr sz="1800" kern="1200">
          <a:solidFill>
            <a:schemeClr val="tx1"/>
          </a:solidFill>
          <a:latin typeface="+mn-lt"/>
          <a:ea typeface="+mn-ea"/>
          <a:cs typeface="+mn-cs"/>
        </a:defRPr>
      </a:lvl7pPr>
      <a:lvl8pPr marL="3199920" algn="l" defTabSz="914263" rtl="0" eaLnBrk="1" latinLnBrk="0" hangingPunct="1">
        <a:defRPr sz="1800" kern="1200">
          <a:solidFill>
            <a:schemeClr val="tx1"/>
          </a:solidFill>
          <a:latin typeface="+mn-lt"/>
          <a:ea typeface="+mn-ea"/>
          <a:cs typeface="+mn-cs"/>
        </a:defRPr>
      </a:lvl8pPr>
      <a:lvl9pPr marL="3657052" algn="l" defTabSz="914263"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5.xml"/><Relationship Id="rId1" Type="http://schemas.openxmlformats.org/officeDocument/2006/relationships/customXml" Target="../../customXml/item105.xml"/></Relationships>
</file>

<file path=ppt/slides/_rels/slide10.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4.xml"/><Relationship Id="rId1" Type="http://schemas.openxmlformats.org/officeDocument/2006/relationships/customXml" Target="../../customXml/item47.xml"/><Relationship Id="rId4" Type="http://schemas.openxmlformats.org/officeDocument/2006/relationships/image" Target="../media/image3.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6.xml"/><Relationship Id="rId1" Type="http://schemas.openxmlformats.org/officeDocument/2006/relationships/customXml" Target="../../customXml/item73.xml"/><Relationship Id="rId4" Type="http://schemas.openxmlformats.org/officeDocument/2006/relationships/image" Target="../media/image3.png"/></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57.xml"/><Relationship Id="rId1" Type="http://schemas.openxmlformats.org/officeDocument/2006/relationships/customXml" Target="../../customXml/item49.xml"/><Relationship Id="rId4" Type="http://schemas.openxmlformats.org/officeDocument/2006/relationships/image" Target="../media/image3.pn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xml"/><Relationship Id="rId1" Type="http://schemas.openxmlformats.org/officeDocument/2006/relationships/customXml" Target="../../customXml/item103.xml"/><Relationship Id="rId4" Type="http://schemas.openxmlformats.org/officeDocument/2006/relationships/image" Target="../media/image3.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76.xml"/><Relationship Id="rId1" Type="http://schemas.openxmlformats.org/officeDocument/2006/relationships/customXml" Target="../../customXml/item101.xml"/><Relationship Id="rId4" Type="http://schemas.openxmlformats.org/officeDocument/2006/relationships/image" Target="../media/image3.png"/></Relationships>
</file>

<file path=ppt/slides/_rels/slide16.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3.xml"/></Relationships>
</file>

<file path=ppt/slides/_rels/slide17.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Layout" Target="../slideLayouts/slideLayout3.xml"/></Relationships>
</file>

<file path=ppt/slides/_rels/slide18.xml.rels><?xml version="1.0" encoding="UTF-8" standalone="yes"?>
<Relationships xmlns="http://schemas.openxmlformats.org/package/2006/relationships"><Relationship Id="rId8" Type="http://schemas.openxmlformats.org/officeDocument/2006/relationships/image" Target="../media/image3.png"/><Relationship Id="rId3" Type="http://schemas.openxmlformats.org/officeDocument/2006/relationships/image" Target="../media/image9.svg"/><Relationship Id="rId7" Type="http://schemas.openxmlformats.org/officeDocument/2006/relationships/image" Target="../media/image13.svg"/><Relationship Id="rId2" Type="http://schemas.openxmlformats.org/officeDocument/2006/relationships/image" Target="../media/image7.png"/><Relationship Id="rId1" Type="http://schemas.openxmlformats.org/officeDocument/2006/relationships/slideLayout" Target="../slideLayouts/slideLayout3.xml"/><Relationship Id="rId6" Type="http://schemas.openxmlformats.org/officeDocument/2006/relationships/image" Target="../media/image9.png"/><Relationship Id="rId5" Type="http://schemas.openxmlformats.org/officeDocument/2006/relationships/image" Target="../media/image11.svg"/><Relationship Id="rId4" Type="http://schemas.openxmlformats.org/officeDocument/2006/relationships/image" Target="../media/image8.png"/></Relationships>
</file>

<file path=ppt/slides/_rels/slide1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0.png"/><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4.xml"/><Relationship Id="rId1" Type="http://schemas.openxmlformats.org/officeDocument/2006/relationships/customXml" Target="../../customXml/item31.xml"/><Relationship Id="rId5" Type="http://schemas.openxmlformats.org/officeDocument/2006/relationships/image" Target="../media/image3.png"/><Relationship Id="rId4" Type="http://schemas.openxmlformats.org/officeDocument/2006/relationships/notesSlide" Target="../notesSlides/notesSlide1.xml"/></Relationships>
</file>

<file path=ppt/slides/_rels/slide20.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1.png"/><Relationship Id="rId1" Type="http://schemas.openxmlformats.org/officeDocument/2006/relationships/slideLayout" Target="../slideLayouts/slideLayout3.xml"/></Relationships>
</file>

<file path=ppt/slides/_rels/slide2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2.png"/><Relationship Id="rId1" Type="http://schemas.openxmlformats.org/officeDocument/2006/relationships/slideLayout" Target="../slideLayouts/slideLayout3.xml"/></Relationships>
</file>

<file path=ppt/slides/_rels/slide2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3.png"/><Relationship Id="rId1" Type="http://schemas.openxmlformats.org/officeDocument/2006/relationships/slideLayout" Target="../slideLayouts/slideLayout3.xml"/></Relationships>
</file>

<file path=ppt/slides/_rels/slide2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4.png"/><Relationship Id="rId1" Type="http://schemas.openxmlformats.org/officeDocument/2006/relationships/slideLayout" Target="../slideLayouts/slideLayout3.xml"/></Relationships>
</file>

<file path=ppt/slides/_rels/slide2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15.png"/><Relationship Id="rId1" Type="http://schemas.openxmlformats.org/officeDocument/2006/relationships/slideLayout" Target="../slideLayouts/slideLayout3.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00.xml"/><Relationship Id="rId1" Type="http://schemas.openxmlformats.org/officeDocument/2006/relationships/customXml" Target="../../customXml/item16.xml"/><Relationship Id="rId4" Type="http://schemas.openxmlformats.org/officeDocument/2006/relationships/image" Target="../media/image3.pn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0.xml"/><Relationship Id="rId1" Type="http://schemas.openxmlformats.org/officeDocument/2006/relationships/customXml" Target="../../customXml/item77.xml"/><Relationship Id="rId6" Type="http://schemas.openxmlformats.org/officeDocument/2006/relationships/image" Target="../media/image3.png"/><Relationship Id="rId5" Type="http://schemas.openxmlformats.org/officeDocument/2006/relationships/image" Target="../media/image17.png"/><Relationship Id="rId4" Type="http://schemas.openxmlformats.org/officeDocument/2006/relationships/image" Target="../media/image16.png"/></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75.xml"/><Relationship Id="rId1" Type="http://schemas.openxmlformats.org/officeDocument/2006/relationships/customXml" Target="../../customXml/item67.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3.png"/></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openxmlformats.org/officeDocument/2006/relationships/image" Target="../media/image3.png"/><Relationship Id="rId2" Type="http://schemas.openxmlformats.org/officeDocument/2006/relationships/customXml" Target="../../customXml/item15.xml"/><Relationship Id="rId1" Type="http://schemas.openxmlformats.org/officeDocument/2006/relationships/customXml" Target="../../customXml/item86.xml"/><Relationship Id="rId6" Type="http://schemas.openxmlformats.org/officeDocument/2006/relationships/hyperlink" Target="https://card.mcmaster.ca/home" TargetMode="External"/><Relationship Id="rId5" Type="http://schemas.openxmlformats.org/officeDocument/2006/relationships/hyperlink" Target="https://github.com/ncbi/amr/releases" TargetMode="External"/><Relationship Id="rId4" Type="http://schemas.openxmlformats.org/officeDocument/2006/relationships/hyperlink" Target="https://cge.food.dtu.dk/services/ResFinder/" TargetMode="External"/></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3.xml"/><Relationship Id="rId1" Type="http://schemas.openxmlformats.org/officeDocument/2006/relationships/customXml" Target="../../customXml/item66.xml"/><Relationship Id="rId4" Type="http://schemas.openxmlformats.org/officeDocument/2006/relationships/image" Target="../media/image18.png"/></Relationships>
</file>

<file path=ppt/slides/_rels/slide3.xml.rels><?xml version="1.0" encoding="UTF-8" standalone="yes"?>
<Relationships xmlns="http://schemas.openxmlformats.org/package/2006/relationships"><Relationship Id="rId8" Type="http://schemas.openxmlformats.org/officeDocument/2006/relationships/diagramColors" Target="../diagrams/colors1.xml"/><Relationship Id="rId13" Type="http://schemas.openxmlformats.org/officeDocument/2006/relationships/diagramColors" Target="../diagrams/colors2.xml"/><Relationship Id="rId3" Type="http://schemas.openxmlformats.org/officeDocument/2006/relationships/slideLayout" Target="../slideLayouts/slideLayout3.xml"/><Relationship Id="rId7" Type="http://schemas.openxmlformats.org/officeDocument/2006/relationships/diagramQuickStyle" Target="../diagrams/quickStyle1.xml"/><Relationship Id="rId12" Type="http://schemas.openxmlformats.org/officeDocument/2006/relationships/diagramQuickStyle" Target="../diagrams/quickStyle2.xml"/><Relationship Id="rId2" Type="http://schemas.openxmlformats.org/officeDocument/2006/relationships/customXml" Target="../../customXml/item85.xml"/><Relationship Id="rId1" Type="http://schemas.openxmlformats.org/officeDocument/2006/relationships/customXml" Target="../../customXml/item74.xml"/><Relationship Id="rId6" Type="http://schemas.openxmlformats.org/officeDocument/2006/relationships/diagramLayout" Target="../diagrams/layout1.xml"/><Relationship Id="rId11" Type="http://schemas.openxmlformats.org/officeDocument/2006/relationships/diagramLayout" Target="../diagrams/layout2.xml"/><Relationship Id="rId5" Type="http://schemas.openxmlformats.org/officeDocument/2006/relationships/diagramData" Target="../diagrams/data1.xml"/><Relationship Id="rId15" Type="http://schemas.openxmlformats.org/officeDocument/2006/relationships/image" Target="../media/image3.png"/><Relationship Id="rId10" Type="http://schemas.openxmlformats.org/officeDocument/2006/relationships/diagramData" Target="../diagrams/data2.xml"/><Relationship Id="rId4" Type="http://schemas.openxmlformats.org/officeDocument/2006/relationships/notesSlide" Target="../notesSlides/notesSlide2.xml"/><Relationship Id="rId9" Type="http://schemas.microsoft.com/office/2007/relationships/diagramDrawing" Target="../diagrams/drawing1.xml"/><Relationship Id="rId14" Type="http://schemas.microsoft.com/office/2007/relationships/diagramDrawing" Target="../diagrams/drawing2.xml"/></Relationships>
</file>

<file path=ppt/slides/_rels/slide30.xml.rels><?xml version="1.0" encoding="UTF-8" standalone="yes"?>
<Relationships xmlns="http://schemas.openxmlformats.org/package/2006/relationships"><Relationship Id="rId8" Type="http://schemas.openxmlformats.org/officeDocument/2006/relationships/image" Target="../media/image22.png"/><Relationship Id="rId3" Type="http://schemas.openxmlformats.org/officeDocument/2006/relationships/slideLayout" Target="../slideLayouts/slideLayout3.xml"/><Relationship Id="rId7" Type="http://schemas.openxmlformats.org/officeDocument/2006/relationships/image" Target="../media/image21.png"/><Relationship Id="rId2" Type="http://schemas.openxmlformats.org/officeDocument/2006/relationships/customXml" Target="../../customXml/item99.xml"/><Relationship Id="rId1" Type="http://schemas.openxmlformats.org/officeDocument/2006/relationships/customXml" Target="../../customXml/item89.xml"/><Relationship Id="rId6" Type="http://schemas.openxmlformats.org/officeDocument/2006/relationships/image" Target="../media/image20.png"/><Relationship Id="rId5" Type="http://schemas.openxmlformats.org/officeDocument/2006/relationships/image" Target="../media/image19.png"/><Relationship Id="rId10" Type="http://schemas.openxmlformats.org/officeDocument/2006/relationships/image" Target="../media/image24.png"/><Relationship Id="rId4" Type="http://schemas.openxmlformats.org/officeDocument/2006/relationships/image" Target="../media/image3.png"/><Relationship Id="rId9" Type="http://schemas.openxmlformats.org/officeDocument/2006/relationships/image" Target="../media/image23.png"/></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1.xml"/><Relationship Id="rId1" Type="http://schemas.openxmlformats.org/officeDocument/2006/relationships/customXml" Target="../../customXml/item35.xml"/><Relationship Id="rId5" Type="http://schemas.openxmlformats.org/officeDocument/2006/relationships/image" Target="../media/image25.png"/><Relationship Id="rId4" Type="http://schemas.openxmlformats.org/officeDocument/2006/relationships/image" Target="../media/image3.pn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2.xml"/><Relationship Id="rId1" Type="http://schemas.openxmlformats.org/officeDocument/2006/relationships/customXml" Target="../../customXml/item23.xml"/><Relationship Id="rId5" Type="http://schemas.openxmlformats.org/officeDocument/2006/relationships/image" Target="../media/image25.png"/><Relationship Id="rId4" Type="http://schemas.openxmlformats.org/officeDocument/2006/relationships/image" Target="../media/image3.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xml"/><Relationship Id="rId1" Type="http://schemas.openxmlformats.org/officeDocument/2006/relationships/customXml" Target="../../customXml/item108.xml"/><Relationship Id="rId5" Type="http://schemas.openxmlformats.org/officeDocument/2006/relationships/image" Target="../media/image25.png"/><Relationship Id="rId4" Type="http://schemas.openxmlformats.org/officeDocument/2006/relationships/image" Target="../media/image3.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58.xml"/><Relationship Id="rId1" Type="http://schemas.openxmlformats.org/officeDocument/2006/relationships/customXml" Target="../../customXml/item68.xml"/><Relationship Id="rId4" Type="http://schemas.openxmlformats.org/officeDocument/2006/relationships/image" Target="../media/image3.png"/></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46.xml"/><Relationship Id="rId1" Type="http://schemas.openxmlformats.org/officeDocument/2006/relationships/customXml" Target="../../customXml/item36.xml"/><Relationship Id="rId5" Type="http://schemas.openxmlformats.org/officeDocument/2006/relationships/image" Target="../media/image3.png"/><Relationship Id="rId4" Type="http://schemas.openxmlformats.org/officeDocument/2006/relationships/image" Target="../media/image26.pn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8.xml"/><Relationship Id="rId1" Type="http://schemas.openxmlformats.org/officeDocument/2006/relationships/customXml" Target="../../customXml/item84.xml"/><Relationship Id="rId5" Type="http://schemas.openxmlformats.org/officeDocument/2006/relationships/image" Target="../media/image27.png"/><Relationship Id="rId4" Type="http://schemas.openxmlformats.org/officeDocument/2006/relationships/image" Target="../media/image3.pn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2.xml"/><Relationship Id="rId1" Type="http://schemas.openxmlformats.org/officeDocument/2006/relationships/customXml" Target="../../customXml/item91.xml"/><Relationship Id="rId6" Type="http://schemas.openxmlformats.org/officeDocument/2006/relationships/image" Target="../media/image29.png"/><Relationship Id="rId5" Type="http://schemas.openxmlformats.org/officeDocument/2006/relationships/image" Target="../media/image28.png"/><Relationship Id="rId4" Type="http://schemas.openxmlformats.org/officeDocument/2006/relationships/image" Target="../media/image3.png"/></Relationships>
</file>

<file path=ppt/slides/_rels/slide38.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7.xml"/><Relationship Id="rId1" Type="http://schemas.openxmlformats.org/officeDocument/2006/relationships/customXml" Target="../../customXml/item43.xml"/><Relationship Id="rId5" Type="http://schemas.openxmlformats.org/officeDocument/2006/relationships/image" Target="../media/image3.png"/><Relationship Id="rId4" Type="http://schemas.openxmlformats.org/officeDocument/2006/relationships/image" Target="../media/image30.png"/></Relationships>
</file>

<file path=ppt/slides/_rels/slide39.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96.xml"/><Relationship Id="rId1" Type="http://schemas.openxmlformats.org/officeDocument/2006/relationships/customXml" Target="../../customXml/item32.xml"/><Relationship Id="rId5" Type="http://schemas.openxmlformats.org/officeDocument/2006/relationships/image" Target="../media/image3.png"/><Relationship Id="rId4" Type="http://schemas.openxmlformats.org/officeDocument/2006/relationships/image" Target="../media/image31.png"/></Relationships>
</file>

<file path=ppt/slides/_rels/slide4.xml.rels><?xml version="1.0" encoding="UTF-8" standalone="yes"?>
<Relationships xmlns="http://schemas.openxmlformats.org/package/2006/relationships"><Relationship Id="rId8" Type="http://schemas.openxmlformats.org/officeDocument/2006/relationships/diagramColors" Target="../diagrams/colors3.xml"/><Relationship Id="rId13" Type="http://schemas.openxmlformats.org/officeDocument/2006/relationships/diagramColors" Target="../diagrams/colors4.xml"/><Relationship Id="rId3" Type="http://schemas.openxmlformats.org/officeDocument/2006/relationships/slideLayout" Target="../slideLayouts/slideLayout3.xml"/><Relationship Id="rId7" Type="http://schemas.openxmlformats.org/officeDocument/2006/relationships/diagramQuickStyle" Target="../diagrams/quickStyle3.xml"/><Relationship Id="rId12" Type="http://schemas.openxmlformats.org/officeDocument/2006/relationships/diagramQuickStyle" Target="../diagrams/quickStyle4.xml"/><Relationship Id="rId2" Type="http://schemas.openxmlformats.org/officeDocument/2006/relationships/customXml" Target="../../customXml/item1.xml"/><Relationship Id="rId1" Type="http://schemas.openxmlformats.org/officeDocument/2006/relationships/customXml" Target="../../customXml/item21.xml"/><Relationship Id="rId6" Type="http://schemas.openxmlformats.org/officeDocument/2006/relationships/diagramLayout" Target="../diagrams/layout3.xml"/><Relationship Id="rId11" Type="http://schemas.openxmlformats.org/officeDocument/2006/relationships/diagramLayout" Target="../diagrams/layout4.xml"/><Relationship Id="rId5" Type="http://schemas.openxmlformats.org/officeDocument/2006/relationships/diagramData" Target="../diagrams/data3.xml"/><Relationship Id="rId15" Type="http://schemas.openxmlformats.org/officeDocument/2006/relationships/image" Target="../media/image3.png"/><Relationship Id="rId10" Type="http://schemas.openxmlformats.org/officeDocument/2006/relationships/diagramData" Target="../diagrams/data4.xml"/><Relationship Id="rId4" Type="http://schemas.openxmlformats.org/officeDocument/2006/relationships/notesSlide" Target="../notesSlides/notesSlide3.xml"/><Relationship Id="rId9" Type="http://schemas.microsoft.com/office/2007/relationships/diagramDrawing" Target="../diagrams/drawing3.xml"/><Relationship Id="rId14" Type="http://schemas.microsoft.com/office/2007/relationships/diagramDrawing" Target="../diagrams/drawing4.xml"/></Relationships>
</file>

<file path=ppt/slides/_rels/slide40.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70.xml"/><Relationship Id="rId1" Type="http://schemas.openxmlformats.org/officeDocument/2006/relationships/customXml" Target="../../customXml/item10.xml"/><Relationship Id="rId5" Type="http://schemas.openxmlformats.org/officeDocument/2006/relationships/image" Target="../media/image3.png"/><Relationship Id="rId4" Type="http://schemas.openxmlformats.org/officeDocument/2006/relationships/image" Target="../media/image32.png"/></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87.xml"/><Relationship Id="rId1" Type="http://schemas.openxmlformats.org/officeDocument/2006/relationships/customXml" Target="../../customXml/item110.xml"/><Relationship Id="rId6" Type="http://schemas.openxmlformats.org/officeDocument/2006/relationships/image" Target="../media/image3.png"/><Relationship Id="rId5" Type="http://schemas.openxmlformats.org/officeDocument/2006/relationships/image" Target="../media/image34.png"/><Relationship Id="rId4" Type="http://schemas.openxmlformats.org/officeDocument/2006/relationships/image" Target="../media/image33.png"/></Relationships>
</file>

<file path=ppt/slides/_rels/slide42.xml.rels><?xml version="1.0" encoding="UTF-8" standalone="yes"?>
<Relationships xmlns="http://schemas.openxmlformats.org/package/2006/relationships"><Relationship Id="rId3" Type="http://schemas.openxmlformats.org/officeDocument/2006/relationships/slideLayout" Target="../slideLayouts/slideLayout3.xml"/><Relationship Id="rId7" Type="http://schemas.openxmlformats.org/officeDocument/2006/relationships/image" Target="../media/image3.png"/><Relationship Id="rId2" Type="http://schemas.openxmlformats.org/officeDocument/2006/relationships/customXml" Target="../../customXml/item98.xml"/><Relationship Id="rId1" Type="http://schemas.openxmlformats.org/officeDocument/2006/relationships/customXml" Target="../../customXml/item78.xml"/><Relationship Id="rId6" Type="http://schemas.openxmlformats.org/officeDocument/2006/relationships/hyperlink" Target="https://blast.ncbi.nlm.nih.gov/doc/blast-help/downloadblastdata.html#downloadblastdata" TargetMode="External"/><Relationship Id="rId5" Type="http://schemas.openxmlformats.org/officeDocument/2006/relationships/hyperlink" Target="https://cge.food.dtu.dk/services/MyDbFinder/" TargetMode="External"/><Relationship Id="rId4" Type="http://schemas.openxmlformats.org/officeDocument/2006/relationships/hyperlink" Target="https://cge.food.dtu.dk/services/MyKMAfinder/" TargetMode="External"/></Relationships>
</file>

<file path=ppt/slides/_rels/slide43.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44.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3.xml"/><Relationship Id="rId1" Type="http://schemas.openxmlformats.org/officeDocument/2006/relationships/customXml" Target="../../customXml/item107.xml"/><Relationship Id="rId6" Type="http://schemas.openxmlformats.org/officeDocument/2006/relationships/image" Target="../media/image3.png"/><Relationship Id="rId5" Type="http://schemas.openxmlformats.org/officeDocument/2006/relationships/hyperlink" Target="https://doi.org/10.1038/s41396-021-01171-x" TargetMode="External"/><Relationship Id="rId4" Type="http://schemas.openxmlformats.org/officeDocument/2006/relationships/hyperlink" Target="https://doi.org/10.12688/f1000research.13598.1" TargetMode="Externa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30.xml"/><Relationship Id="rId1" Type="http://schemas.openxmlformats.org/officeDocument/2006/relationships/customXml" Target="../../customXml/item54.xml"/><Relationship Id="rId5" Type="http://schemas.openxmlformats.org/officeDocument/2006/relationships/image" Target="../media/image3.png"/><Relationship Id="rId4" Type="http://schemas.openxmlformats.org/officeDocument/2006/relationships/image" Target="../media/image4.png"/></Relationships>
</file>

<file path=ppt/slides/_rels/slide6.xml.rels><?xml version="1.0" encoding="UTF-8" standalone="yes"?>
<Relationships xmlns="http://schemas.openxmlformats.org/package/2006/relationships"><Relationship Id="rId8" Type="http://schemas.openxmlformats.org/officeDocument/2006/relationships/hyperlink" Target="https://igv.org/app/" TargetMode="External"/><Relationship Id="rId3" Type="http://schemas.openxmlformats.org/officeDocument/2006/relationships/slideLayout" Target="../slideLayouts/slideLayout3.xml"/><Relationship Id="rId7" Type="http://schemas.openxmlformats.org/officeDocument/2006/relationships/hyperlink" Target="http://eggnog-mapper.embl.de/" TargetMode="External"/><Relationship Id="rId2" Type="http://schemas.openxmlformats.org/officeDocument/2006/relationships/customXml" Target="../../customXml/item59.xml"/><Relationship Id="rId1" Type="http://schemas.openxmlformats.org/officeDocument/2006/relationships/customXml" Target="../../customXml/item71.xml"/><Relationship Id="rId6" Type="http://schemas.openxmlformats.org/officeDocument/2006/relationships/hyperlink" Target="https://www.ncbi.nlm.nih.gov/genome/annotation_prok/" TargetMode="External"/><Relationship Id="rId5" Type="http://schemas.openxmlformats.org/officeDocument/2006/relationships/hyperlink" Target="https://annovar.openbioinformatics.org/en/latest/" TargetMode="External"/><Relationship Id="rId10" Type="http://schemas.openxmlformats.org/officeDocument/2006/relationships/image" Target="../media/image3.png"/><Relationship Id="rId4" Type="http://schemas.openxmlformats.org/officeDocument/2006/relationships/hyperlink" Target="https://github.com/tseemann/prokka" TargetMode="External"/><Relationship Id="rId9" Type="http://schemas.openxmlformats.org/officeDocument/2006/relationships/image" Target="../media/image5.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0.xml"/><Relationship Id="rId1" Type="http://schemas.openxmlformats.org/officeDocument/2006/relationships/customXml" Target="../../customXml/item104.xml"/><Relationship Id="rId4" Type="http://schemas.openxmlformats.org/officeDocument/2006/relationships/image" Target="../media/image3.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8.xml"/><Relationship Id="rId1" Type="http://schemas.openxmlformats.org/officeDocument/2006/relationships/customXml" Target="../../customXml/item90.xml"/><Relationship Id="rId6" Type="http://schemas.openxmlformats.org/officeDocument/2006/relationships/image" Target="../media/image3.png"/><Relationship Id="rId5" Type="http://schemas.openxmlformats.org/officeDocument/2006/relationships/hyperlink" Target="https://phil.cdc.gov/Details.aspx?pid=10042" TargetMode="External"/><Relationship Id="rId4" Type="http://schemas.openxmlformats.org/officeDocument/2006/relationships/image" Target="../media/image6.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02.xml"/><Relationship Id="rId1" Type="http://schemas.openxmlformats.org/officeDocument/2006/relationships/customXml" Target="../../customXml/item93.xml"/><Relationship Id="rId4" Type="http://schemas.openxmlformats.org/officeDocument/2006/relationships/image" Target="../media/image3.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p:txBody>
          <a:bodyPr/>
          <a:lstStyle/>
          <a:p>
            <a:r>
              <a:rPr lang="en-GB"/>
              <a:t>Annotation and AMR</a:t>
            </a:r>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p:txBody>
          <a:bodyPr/>
          <a:lstStyle/>
          <a:p>
            <a:r>
              <a:rPr lang="en-GB"/>
              <a:t>Day 7. Bridging the gaps in bioinformatics</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a:t>
            </a:fld>
            <a:endParaRPr lang="en-GB"/>
          </a:p>
        </p:txBody>
      </p:sp>
    </p:spTree>
    <p:custDataLst>
      <p:custData r:id="rId1"/>
      <p:custData r:id="rId2"/>
    </p:custDataLst>
    <p:extLst>
      <p:ext uri="{BB962C8B-B14F-4D97-AF65-F5344CB8AC3E}">
        <p14:creationId xmlns:p14="http://schemas.microsoft.com/office/powerpoint/2010/main" val="232071413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C0D5997-D54A-40E6-13A9-603993913820}"/>
              </a:ext>
            </a:extLst>
          </p:cNvPr>
          <p:cNvSpPr>
            <a:spLocks noGrp="1"/>
          </p:cNvSpPr>
          <p:nvPr>
            <p:ph type="title"/>
          </p:nvPr>
        </p:nvSpPr>
        <p:spPr/>
        <p:txBody>
          <a:bodyPr/>
          <a:lstStyle/>
          <a:p>
            <a:r>
              <a:rPr lang="en-GB">
                <a:cs typeface="Arial"/>
              </a:rPr>
              <a:t>Prediction of species - </a:t>
            </a:r>
            <a:r>
              <a:rPr lang="en-GB" err="1">
                <a:cs typeface="Arial"/>
              </a:rPr>
              <a:t>Kmerfinder</a:t>
            </a:r>
          </a:p>
        </p:txBody>
      </p:sp>
      <p:sp>
        <p:nvSpPr>
          <p:cNvPr id="3" name="Content Placeholder 2">
            <a:extLst>
              <a:ext uri="{FF2B5EF4-FFF2-40B4-BE49-F238E27FC236}">
                <a16:creationId xmlns:a16="http://schemas.microsoft.com/office/drawing/2014/main" id="{4D1DBBCA-8692-3931-674F-3708171BCAD2}"/>
              </a:ext>
            </a:extLst>
          </p:cNvPr>
          <p:cNvSpPr>
            <a:spLocks noGrp="1"/>
          </p:cNvSpPr>
          <p:nvPr>
            <p:ph idx="1"/>
          </p:nvPr>
        </p:nvSpPr>
        <p:spPr/>
        <p:txBody>
          <a:bodyPr/>
          <a:lstStyle/>
          <a:p>
            <a:pPr marL="197485" indent="-197485"/>
            <a:r>
              <a:rPr lang="en-GB">
                <a:cs typeface="Arial"/>
              </a:rPr>
              <a:t>With WGS we can use all the genetic information to predict the species </a:t>
            </a:r>
          </a:p>
          <a:p>
            <a:pPr marL="197485" indent="-197485"/>
            <a:r>
              <a:rPr lang="en-GB" err="1">
                <a:cs typeface="Arial"/>
              </a:rPr>
              <a:t>Kmerfinder</a:t>
            </a:r>
            <a:r>
              <a:rPr lang="en-GB">
                <a:cs typeface="Arial"/>
              </a:rPr>
              <a:t> works by breaking a genome into little pieces (k-</a:t>
            </a:r>
            <a:r>
              <a:rPr lang="en-GB" err="1">
                <a:cs typeface="Arial"/>
              </a:rPr>
              <a:t>mers</a:t>
            </a:r>
            <a:r>
              <a:rPr lang="en-GB">
                <a:cs typeface="Arial"/>
              </a:rPr>
              <a:t>) and identifying the species from these pieces (k-</a:t>
            </a:r>
            <a:r>
              <a:rPr lang="en-GB" err="1">
                <a:cs typeface="Arial"/>
              </a:rPr>
              <a:t>mers</a:t>
            </a:r>
            <a:r>
              <a:rPr lang="en-GB">
                <a:cs typeface="Arial"/>
              </a:rPr>
              <a:t>)</a:t>
            </a:r>
          </a:p>
          <a:p>
            <a:pPr marL="197485" indent="-197485"/>
            <a:endParaRPr lang="en-GB">
              <a:cs typeface="Arial"/>
            </a:endParaRPr>
          </a:p>
          <a:p>
            <a:pPr marL="197485" indent="-197485"/>
            <a:endParaRPr lang="en-GB">
              <a:cs typeface="Arial"/>
            </a:endParaRPr>
          </a:p>
        </p:txBody>
      </p:sp>
      <p:sp>
        <p:nvSpPr>
          <p:cNvPr id="4" name="Slide Number Placeholder 3">
            <a:extLst>
              <a:ext uri="{FF2B5EF4-FFF2-40B4-BE49-F238E27FC236}">
                <a16:creationId xmlns:a16="http://schemas.microsoft.com/office/drawing/2014/main" id="{05840418-C606-07A3-8951-AFDE5B28F261}"/>
              </a:ext>
            </a:extLst>
          </p:cNvPr>
          <p:cNvSpPr>
            <a:spLocks noGrp="1"/>
          </p:cNvSpPr>
          <p:nvPr>
            <p:ph type="sldNum" sz="quarter" idx="11"/>
          </p:nvPr>
        </p:nvSpPr>
        <p:spPr/>
        <p:txBody>
          <a:bodyPr/>
          <a:lstStyle/>
          <a:p>
            <a:fld id="{103EA872-A674-449B-A120-B97244F8E91D}" type="slidenum">
              <a:rPr lang="en-GB" smtClean="0"/>
              <a:pPr/>
              <a:t>10</a:t>
            </a:fld>
            <a:endParaRPr lang="en-GB"/>
          </a:p>
        </p:txBody>
      </p:sp>
      <p:sp>
        <p:nvSpPr>
          <p:cNvPr id="14" name="Oval 13">
            <a:extLst>
              <a:ext uri="{FF2B5EF4-FFF2-40B4-BE49-F238E27FC236}">
                <a16:creationId xmlns:a16="http://schemas.microsoft.com/office/drawing/2014/main" id="{50AF4D67-A717-11C8-2DAA-EF73E6ACFE00}"/>
              </a:ext>
            </a:extLst>
          </p:cNvPr>
          <p:cNvSpPr/>
          <p:nvPr/>
        </p:nvSpPr>
        <p:spPr bwMode="auto">
          <a:xfrm>
            <a:off x="3283171" y="3159879"/>
            <a:ext cx="4397374" cy="2565295"/>
          </a:xfrm>
          <a:prstGeom prst="ellipse">
            <a:avLst/>
          </a:prstGeom>
          <a:solidFill>
            <a:schemeClr val="bg1"/>
          </a:solidFill>
          <a:ln w="57150" cap="flat" cmpd="sng" algn="ctr">
            <a:solidFill>
              <a:schemeClr val="accent1"/>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pic>
        <p:nvPicPr>
          <p:cNvPr id="6" name="Picture 2" descr="Logo&#10;&#10;Description automatically generated">
            <a:extLst>
              <a:ext uri="{FF2B5EF4-FFF2-40B4-BE49-F238E27FC236}">
                <a16:creationId xmlns:a16="http://schemas.microsoft.com/office/drawing/2014/main" id="{05E1ECE8-E970-10F3-ACEA-5203B02B4F0C}"/>
              </a:ext>
            </a:extLst>
          </p:cNvPr>
          <p:cNvPicPr>
            <a:picLocks noChangeAspect="1"/>
          </p:cNvPicPr>
          <p:nvPr/>
        </p:nvPicPr>
        <p:blipFill rotWithShape="1">
          <a:blip r:embed="rId2"/>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1913311533"/>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k-</a:t>
            </a:r>
            <a:r>
              <a:rPr lang="en-GB" err="1">
                <a:cs typeface="Arial"/>
              </a:rPr>
              <a:t>mers</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197485" indent="-197485"/>
            <a:r>
              <a:rPr lang="en-GB" dirty="0">
                <a:cs typeface="Arial"/>
              </a:rPr>
              <a:t>A k-</a:t>
            </a:r>
            <a:r>
              <a:rPr lang="en-GB" dirty="0" err="1">
                <a:cs typeface="Arial"/>
              </a:rPr>
              <a:t>mer</a:t>
            </a:r>
            <a:r>
              <a:rPr lang="en-GB" dirty="0">
                <a:cs typeface="Arial"/>
              </a:rPr>
              <a:t> is a continuous sequence of k bases </a:t>
            </a:r>
          </a:p>
          <a:p>
            <a:pPr marL="413385" lvl="1" indent="-197485"/>
            <a:r>
              <a:rPr lang="en-GB" dirty="0" err="1">
                <a:cs typeface="Arial"/>
              </a:rPr>
              <a:t>e.g</a:t>
            </a:r>
            <a:r>
              <a:rPr lang="en-GB" dirty="0">
                <a:cs typeface="Arial"/>
              </a:rPr>
              <a:t> a certain length of DNA, RNA or protein </a:t>
            </a:r>
          </a:p>
          <a:p>
            <a:pPr marL="197485" indent="-197485"/>
            <a:r>
              <a:rPr lang="en-GB" dirty="0">
                <a:cs typeface="Arial"/>
              </a:rPr>
              <a:t>k is any positive integer </a:t>
            </a:r>
          </a:p>
          <a:p>
            <a:pPr marL="197485" indent="-197485"/>
            <a:r>
              <a:rPr lang="en-GB" dirty="0">
                <a:cs typeface="Arial"/>
              </a:rPr>
              <a:t>Sequences with high similarity must share k-</a:t>
            </a:r>
            <a:r>
              <a:rPr lang="en-GB" dirty="0" err="1">
                <a:cs typeface="Arial"/>
              </a:rPr>
              <a:t>mers</a:t>
            </a:r>
            <a:endParaRPr lang="en-GB" dirty="0">
              <a:cs typeface="Arial"/>
            </a:endParaRPr>
          </a:p>
          <a:p>
            <a:pPr marL="197485" indent="-197485"/>
            <a:endParaRPr lang="en-GB">
              <a:cs typeface="Arial"/>
            </a:endParaRPr>
          </a:p>
          <a:p>
            <a:pPr marL="197485" indent="-197485"/>
            <a:r>
              <a:rPr lang="en-GB" dirty="0">
                <a:cs typeface="Arial"/>
              </a:rPr>
              <a:t>Consider the nucleotide sequence 'ACTCCGTAACG'. </a:t>
            </a:r>
          </a:p>
          <a:p>
            <a:pPr marL="197485" indent="-197485"/>
            <a:endParaRPr lang="en-GB">
              <a:cs typeface="Arial"/>
            </a:endParaRPr>
          </a:p>
          <a:p>
            <a:pPr marL="197485" indent="-197485"/>
            <a:endParaRPr lang="en-GB">
              <a:cs typeface="Arial"/>
            </a:endParaRPr>
          </a:p>
          <a:p>
            <a:pPr marL="197485" indent="-197485"/>
            <a:endParaRPr lang="en-GB">
              <a:cs typeface="Arial"/>
            </a:endParaRPr>
          </a:p>
          <a:p>
            <a:pPr marL="197485" indent="-197485"/>
            <a:r>
              <a:rPr lang="en-GB" dirty="0">
                <a:cs typeface="Arial"/>
              </a:rPr>
              <a:t>We have this long sequence that we can cut into smaller pieces or k-</a:t>
            </a:r>
            <a:r>
              <a:rPr lang="en-GB" dirty="0" err="1">
                <a:cs typeface="Arial"/>
              </a:rPr>
              <a:t>mers</a:t>
            </a:r>
            <a:endParaRPr lang="en-GB" dirty="0">
              <a:cs typeface="Arial"/>
            </a:endParaRPr>
          </a:p>
          <a:p>
            <a:pPr marL="197485" indent="-197485"/>
            <a:r>
              <a:rPr lang="en-GB" dirty="0">
                <a:cs typeface="Arial"/>
              </a:rPr>
              <a:t>We can extract all the 4-mers (substrings of length 4) in this DNA sequence </a:t>
            </a:r>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11</a:t>
            </a:fld>
            <a:endParaRPr lang="en-GB"/>
          </a:p>
        </p:txBody>
      </p:sp>
      <p:graphicFrame>
        <p:nvGraphicFramePr>
          <p:cNvPr id="23" name="Table 10">
            <a:extLst>
              <a:ext uri="{FF2B5EF4-FFF2-40B4-BE49-F238E27FC236}">
                <a16:creationId xmlns:a16="http://schemas.microsoft.com/office/drawing/2014/main" id="{E3083B5C-A43D-B525-2258-D301C0C9860C}"/>
              </a:ext>
            </a:extLst>
          </p:cNvPr>
          <p:cNvGraphicFramePr>
            <a:graphicFrameLocks noGrp="1"/>
          </p:cNvGraphicFramePr>
          <p:nvPr>
            <p:extLst>
              <p:ext uri="{D42A27DB-BD31-4B8C-83A1-F6EECF244321}">
                <p14:modId xmlns:p14="http://schemas.microsoft.com/office/powerpoint/2010/main" val="2150169714"/>
              </p:ext>
            </p:extLst>
          </p:nvPr>
        </p:nvGraphicFramePr>
        <p:xfrm>
          <a:off x="2169905" y="3875353"/>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tc>
                <a:tc>
                  <a:txBody>
                    <a:bodyPr/>
                    <a:lstStyle/>
                    <a:p>
                      <a:r>
                        <a:rPr lang="en-GB"/>
                        <a:t>C</a:t>
                      </a:r>
                    </a:p>
                  </a:txBody>
                  <a:tcPr/>
                </a:tc>
                <a:tc>
                  <a:txBody>
                    <a:bodyPr/>
                    <a:lstStyle/>
                    <a:p>
                      <a:pPr lvl="0">
                        <a:buNone/>
                      </a:pPr>
                      <a:r>
                        <a:rPr lang="en-GB"/>
                        <a:t>T</a:t>
                      </a:r>
                    </a:p>
                  </a:txBody>
                  <a:tcPr/>
                </a:tc>
                <a:tc>
                  <a:txBody>
                    <a:bodyPr/>
                    <a:lstStyle/>
                    <a:p>
                      <a:r>
                        <a:rPr lang="en-GB"/>
                        <a:t>C</a:t>
                      </a:r>
                    </a:p>
                  </a:txBody>
                  <a:tcPr/>
                </a:tc>
                <a:tc>
                  <a:txBody>
                    <a:bodyPr/>
                    <a:lstStyle/>
                    <a:p>
                      <a:r>
                        <a:rPr lang="en-GB"/>
                        <a:t>C</a:t>
                      </a:r>
                    </a:p>
                  </a:txBody>
                  <a:tcPr/>
                </a:tc>
                <a:tc>
                  <a:txBody>
                    <a:bodyPr/>
                    <a:lstStyle/>
                    <a:p>
                      <a:r>
                        <a:rPr lang="en-GB"/>
                        <a:t>G</a:t>
                      </a:r>
                    </a:p>
                  </a:txBody>
                  <a:tcPr/>
                </a:tc>
                <a:tc>
                  <a:txBody>
                    <a:bodyPr/>
                    <a:lstStyle/>
                    <a:p>
                      <a:r>
                        <a:rPr lang="en-GB"/>
                        <a:t>T</a:t>
                      </a:r>
                    </a:p>
                  </a:txBody>
                  <a:tcPr/>
                </a:tc>
                <a:tc>
                  <a:txBody>
                    <a:bodyPr/>
                    <a:lstStyle/>
                    <a:p>
                      <a:r>
                        <a:rPr lang="en-GB"/>
                        <a:t>A</a:t>
                      </a:r>
                    </a:p>
                  </a:txBody>
                  <a:tcPr/>
                </a:tc>
                <a:tc>
                  <a:txBody>
                    <a:bodyPr/>
                    <a:lstStyle/>
                    <a:p>
                      <a:r>
                        <a:rPr lang="en-GB"/>
                        <a:t>A</a:t>
                      </a:r>
                    </a:p>
                  </a:txBody>
                  <a:tcPr/>
                </a:tc>
                <a:tc>
                  <a:txBody>
                    <a:bodyPr/>
                    <a:lstStyle/>
                    <a:p>
                      <a:r>
                        <a:rPr lang="en-GB"/>
                        <a:t>C</a:t>
                      </a:r>
                    </a:p>
                  </a:txBody>
                  <a:tcPr/>
                </a:tc>
                <a:tc>
                  <a:txBody>
                    <a:bodyPr/>
                    <a:lstStyle/>
                    <a:p>
                      <a:r>
                        <a:rPr lang="en-GB"/>
                        <a:t>G</a:t>
                      </a:r>
                    </a:p>
                  </a:txBody>
                  <a:tcPr/>
                </a:tc>
                <a:tc>
                  <a:txBody>
                    <a:bodyPr/>
                    <a:lstStyle/>
                    <a:p>
                      <a:r>
                        <a:rPr lang="en-GB"/>
                        <a:t>T</a:t>
                      </a:r>
                    </a:p>
                  </a:txBody>
                  <a:tcPr/>
                </a:tc>
                <a:extLst>
                  <a:ext uri="{0D108BD9-81ED-4DB2-BD59-A6C34878D82A}">
                    <a16:rowId xmlns:a16="http://schemas.microsoft.com/office/drawing/2014/main" val="1338030887"/>
                  </a:ext>
                </a:extLst>
              </a:tr>
            </a:tbl>
          </a:graphicData>
        </a:graphic>
      </p:graphicFrame>
      <p:sp>
        <p:nvSpPr>
          <p:cNvPr id="25" name="Rectangle 24">
            <a:extLst>
              <a:ext uri="{FF2B5EF4-FFF2-40B4-BE49-F238E27FC236}">
                <a16:creationId xmlns:a16="http://schemas.microsoft.com/office/drawing/2014/main" id="{3E1F61C5-8407-63DF-6DF9-4E3B262588EF}"/>
              </a:ext>
            </a:extLst>
          </p:cNvPr>
          <p:cNvSpPr/>
          <p:nvPr/>
        </p:nvSpPr>
        <p:spPr bwMode="auto">
          <a:xfrm>
            <a:off x="9664230" y="3814362"/>
            <a:ext cx="982251"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pic>
        <p:nvPicPr>
          <p:cNvPr id="3" name="Picture 2" descr="Logo&#10;&#10;Description automatically generated">
            <a:extLst>
              <a:ext uri="{FF2B5EF4-FFF2-40B4-BE49-F238E27FC236}">
                <a16:creationId xmlns:a16="http://schemas.microsoft.com/office/drawing/2014/main" id="{87448BAA-C393-0703-3169-F0FCB277316D}"/>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79346112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2" descr="Logo&#10;&#10;Description automatically generated">
            <a:extLst>
              <a:ext uri="{FF2B5EF4-FFF2-40B4-BE49-F238E27FC236}">
                <a16:creationId xmlns:a16="http://schemas.microsoft.com/office/drawing/2014/main" id="{325071FA-6879-4A5A-DEAF-2772212F56A0}"/>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k-</a:t>
            </a:r>
            <a:r>
              <a:rPr lang="en-GB" err="1">
                <a:cs typeface="Arial"/>
              </a:rPr>
              <a:t>mers</a:t>
            </a:r>
            <a:endParaRPr lang="en-GB" err="1"/>
          </a:p>
        </p:txBody>
      </p:sp>
      <p:sp>
        <p:nvSpPr>
          <p:cNvPr id="4" name="Slide Number Placeholder 3"/>
          <p:cNvSpPr>
            <a:spLocks noGrp="1"/>
          </p:cNvSpPr>
          <p:nvPr>
            <p:ph type="sldNum" sz="quarter" idx="11"/>
          </p:nvPr>
        </p:nvSpPr>
        <p:spPr/>
        <p:txBody>
          <a:bodyPr/>
          <a:lstStyle/>
          <a:p>
            <a:fld id="{103EA872-A674-449B-A120-B97244F8E91D}" type="slidenum">
              <a:rPr lang="en-GB" smtClean="0"/>
              <a:pPr/>
              <a:t>12</a:t>
            </a:fld>
            <a:endParaRPr lang="en-GB"/>
          </a:p>
        </p:txBody>
      </p:sp>
      <p:graphicFrame>
        <p:nvGraphicFramePr>
          <p:cNvPr id="3" name="Table 10">
            <a:extLst>
              <a:ext uri="{FF2B5EF4-FFF2-40B4-BE49-F238E27FC236}">
                <a16:creationId xmlns:a16="http://schemas.microsoft.com/office/drawing/2014/main" id="{F541ACE0-D533-1C62-C9A1-D8F7DAD38528}"/>
              </a:ext>
            </a:extLst>
          </p:cNvPr>
          <p:cNvGraphicFramePr>
            <a:graphicFrameLocks noGrp="1"/>
          </p:cNvGraphicFramePr>
          <p:nvPr>
            <p:extLst>
              <p:ext uri="{D42A27DB-BD31-4B8C-83A1-F6EECF244321}">
                <p14:modId xmlns:p14="http://schemas.microsoft.com/office/powerpoint/2010/main" val="4221591060"/>
              </p:ext>
            </p:extLst>
          </p:nvPr>
        </p:nvGraphicFramePr>
        <p:xfrm>
          <a:off x="1604813" y="1536047"/>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tc>
                <a:tc>
                  <a:txBody>
                    <a:bodyPr/>
                    <a:lstStyle/>
                    <a:p>
                      <a:r>
                        <a:rPr lang="en-GB"/>
                        <a:t>C</a:t>
                      </a:r>
                    </a:p>
                  </a:txBody>
                  <a:tcPr/>
                </a:tc>
                <a:tc>
                  <a:txBody>
                    <a:bodyPr/>
                    <a:lstStyle/>
                    <a:p>
                      <a:pPr lvl="0">
                        <a:buNone/>
                      </a:pPr>
                      <a:r>
                        <a:rPr lang="en-GB"/>
                        <a:t>T</a:t>
                      </a:r>
                    </a:p>
                  </a:txBody>
                  <a:tcPr/>
                </a:tc>
                <a:tc>
                  <a:txBody>
                    <a:bodyPr/>
                    <a:lstStyle/>
                    <a:p>
                      <a:r>
                        <a:rPr lang="en-GB"/>
                        <a:t>C</a:t>
                      </a:r>
                    </a:p>
                  </a:txBody>
                  <a:tcPr/>
                </a:tc>
                <a:tc>
                  <a:txBody>
                    <a:bodyPr/>
                    <a:lstStyle/>
                    <a:p>
                      <a:r>
                        <a:rPr lang="en-GB"/>
                        <a:t>C</a:t>
                      </a:r>
                    </a:p>
                  </a:txBody>
                  <a:tcPr/>
                </a:tc>
                <a:tc>
                  <a:txBody>
                    <a:bodyPr/>
                    <a:lstStyle/>
                    <a:p>
                      <a:r>
                        <a:rPr lang="en-GB"/>
                        <a:t>G</a:t>
                      </a:r>
                    </a:p>
                  </a:txBody>
                  <a:tcPr/>
                </a:tc>
                <a:tc>
                  <a:txBody>
                    <a:bodyPr/>
                    <a:lstStyle/>
                    <a:p>
                      <a:r>
                        <a:rPr lang="en-GB"/>
                        <a:t>T</a:t>
                      </a:r>
                    </a:p>
                  </a:txBody>
                  <a:tcPr/>
                </a:tc>
                <a:tc>
                  <a:txBody>
                    <a:bodyPr/>
                    <a:lstStyle/>
                    <a:p>
                      <a:r>
                        <a:rPr lang="en-GB"/>
                        <a:t>A</a:t>
                      </a:r>
                    </a:p>
                  </a:txBody>
                  <a:tcPr/>
                </a:tc>
                <a:tc>
                  <a:txBody>
                    <a:bodyPr/>
                    <a:lstStyle/>
                    <a:p>
                      <a:r>
                        <a:rPr lang="en-GB"/>
                        <a:t>A</a:t>
                      </a:r>
                    </a:p>
                  </a:txBody>
                  <a:tcPr/>
                </a:tc>
                <a:tc>
                  <a:txBody>
                    <a:bodyPr/>
                    <a:lstStyle/>
                    <a:p>
                      <a:r>
                        <a:rPr lang="en-GB"/>
                        <a:t>C</a:t>
                      </a:r>
                    </a:p>
                  </a:txBody>
                  <a:tcPr/>
                </a:tc>
                <a:tc>
                  <a:txBody>
                    <a:bodyPr/>
                    <a:lstStyle/>
                    <a:p>
                      <a:r>
                        <a:rPr lang="en-GB"/>
                        <a:t>G</a:t>
                      </a:r>
                    </a:p>
                  </a:txBody>
                  <a:tcPr/>
                </a:tc>
                <a:tc>
                  <a:txBody>
                    <a:bodyPr/>
                    <a:lstStyle/>
                    <a:p>
                      <a:r>
                        <a:rPr lang="en-GB"/>
                        <a:t>T</a:t>
                      </a:r>
                    </a:p>
                  </a:txBody>
                  <a:tcPr/>
                </a:tc>
                <a:extLst>
                  <a:ext uri="{0D108BD9-81ED-4DB2-BD59-A6C34878D82A}">
                    <a16:rowId xmlns:a16="http://schemas.microsoft.com/office/drawing/2014/main" val="1338030887"/>
                  </a:ext>
                </a:extLst>
              </a:tr>
            </a:tbl>
          </a:graphicData>
        </a:graphic>
      </p:graphicFrame>
      <p:graphicFrame>
        <p:nvGraphicFramePr>
          <p:cNvPr id="8" name="Table 10">
            <a:extLst>
              <a:ext uri="{FF2B5EF4-FFF2-40B4-BE49-F238E27FC236}">
                <a16:creationId xmlns:a16="http://schemas.microsoft.com/office/drawing/2014/main" id="{8968FB88-0B23-9964-A21E-6833CB430555}"/>
              </a:ext>
            </a:extLst>
          </p:cNvPr>
          <p:cNvGraphicFramePr>
            <a:graphicFrameLocks noGrp="1"/>
          </p:cNvGraphicFramePr>
          <p:nvPr>
            <p:extLst>
              <p:ext uri="{D42A27DB-BD31-4B8C-83A1-F6EECF244321}">
                <p14:modId xmlns:p14="http://schemas.microsoft.com/office/powerpoint/2010/main" val="1433030256"/>
              </p:ext>
            </p:extLst>
          </p:nvPr>
        </p:nvGraphicFramePr>
        <p:xfrm>
          <a:off x="1604813" y="2146301"/>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graphicFrame>
        <p:nvGraphicFramePr>
          <p:cNvPr id="10" name="Table 10">
            <a:extLst>
              <a:ext uri="{FF2B5EF4-FFF2-40B4-BE49-F238E27FC236}">
                <a16:creationId xmlns:a16="http://schemas.microsoft.com/office/drawing/2014/main" id="{10013268-7605-4664-1B25-325BC88F8A4E}"/>
              </a:ext>
            </a:extLst>
          </p:cNvPr>
          <p:cNvGraphicFramePr>
            <a:graphicFrameLocks noGrp="1"/>
          </p:cNvGraphicFramePr>
          <p:nvPr>
            <p:extLst>
              <p:ext uri="{D42A27DB-BD31-4B8C-83A1-F6EECF244321}">
                <p14:modId xmlns:p14="http://schemas.microsoft.com/office/powerpoint/2010/main" val="3682121090"/>
              </p:ext>
            </p:extLst>
          </p:nvPr>
        </p:nvGraphicFramePr>
        <p:xfrm>
          <a:off x="1604813" y="2722652"/>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graphicFrame>
        <p:nvGraphicFramePr>
          <p:cNvPr id="12" name="Table 10">
            <a:extLst>
              <a:ext uri="{FF2B5EF4-FFF2-40B4-BE49-F238E27FC236}">
                <a16:creationId xmlns:a16="http://schemas.microsoft.com/office/drawing/2014/main" id="{E66128E2-EFEC-5E2C-20D9-F1D3BB620F0D}"/>
              </a:ext>
            </a:extLst>
          </p:cNvPr>
          <p:cNvGraphicFramePr>
            <a:graphicFrameLocks noGrp="1"/>
          </p:cNvGraphicFramePr>
          <p:nvPr>
            <p:extLst>
              <p:ext uri="{D42A27DB-BD31-4B8C-83A1-F6EECF244321}">
                <p14:modId xmlns:p14="http://schemas.microsoft.com/office/powerpoint/2010/main" val="3174151959"/>
              </p:ext>
            </p:extLst>
          </p:nvPr>
        </p:nvGraphicFramePr>
        <p:xfrm>
          <a:off x="1616115" y="3299003"/>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graphicFrame>
        <p:nvGraphicFramePr>
          <p:cNvPr id="14" name="Table 10">
            <a:extLst>
              <a:ext uri="{FF2B5EF4-FFF2-40B4-BE49-F238E27FC236}">
                <a16:creationId xmlns:a16="http://schemas.microsoft.com/office/drawing/2014/main" id="{10BCDDB8-A334-ECBF-FEC3-9952B4F63A4F}"/>
              </a:ext>
            </a:extLst>
          </p:cNvPr>
          <p:cNvGraphicFramePr>
            <a:graphicFrameLocks noGrp="1"/>
          </p:cNvGraphicFramePr>
          <p:nvPr>
            <p:extLst>
              <p:ext uri="{D42A27DB-BD31-4B8C-83A1-F6EECF244321}">
                <p14:modId xmlns:p14="http://schemas.microsoft.com/office/powerpoint/2010/main" val="2849734925"/>
              </p:ext>
            </p:extLst>
          </p:nvPr>
        </p:nvGraphicFramePr>
        <p:xfrm>
          <a:off x="1616115" y="3852752"/>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21" name="Rectangle 20">
            <a:extLst>
              <a:ext uri="{FF2B5EF4-FFF2-40B4-BE49-F238E27FC236}">
                <a16:creationId xmlns:a16="http://schemas.microsoft.com/office/drawing/2014/main" id="{FE8A586E-D059-0A5D-B7EE-55966F4B2D09}"/>
              </a:ext>
            </a:extLst>
          </p:cNvPr>
          <p:cNvSpPr/>
          <p:nvPr/>
        </p:nvSpPr>
        <p:spPr bwMode="auto">
          <a:xfrm>
            <a:off x="4315689" y="1966010"/>
            <a:ext cx="5969237" cy="68825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4" name="Rectangle 23">
            <a:extLst>
              <a:ext uri="{FF2B5EF4-FFF2-40B4-BE49-F238E27FC236}">
                <a16:creationId xmlns:a16="http://schemas.microsoft.com/office/drawing/2014/main" id="{1074CDF0-7132-9AD4-E672-45C3B175FC4F}"/>
              </a:ext>
            </a:extLst>
          </p:cNvPr>
          <p:cNvSpPr/>
          <p:nvPr/>
        </p:nvSpPr>
        <p:spPr bwMode="auto">
          <a:xfrm>
            <a:off x="5010496" y="2525490"/>
            <a:ext cx="5166344" cy="68825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5" name="Rectangle 24">
            <a:extLst>
              <a:ext uri="{FF2B5EF4-FFF2-40B4-BE49-F238E27FC236}">
                <a16:creationId xmlns:a16="http://schemas.microsoft.com/office/drawing/2014/main" id="{7CC2A4A8-FD99-9C03-C9E6-26E63A0D1FEB}"/>
              </a:ext>
            </a:extLst>
          </p:cNvPr>
          <p:cNvSpPr/>
          <p:nvPr/>
        </p:nvSpPr>
        <p:spPr bwMode="auto">
          <a:xfrm>
            <a:off x="5151459" y="2655526"/>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6" name="Rectangle 25">
            <a:extLst>
              <a:ext uri="{FF2B5EF4-FFF2-40B4-BE49-F238E27FC236}">
                <a16:creationId xmlns:a16="http://schemas.microsoft.com/office/drawing/2014/main" id="{CB2B13DC-4E45-D66A-F74A-36CD555E1D35}"/>
              </a:ext>
            </a:extLst>
          </p:cNvPr>
          <p:cNvSpPr/>
          <p:nvPr/>
        </p:nvSpPr>
        <p:spPr bwMode="auto">
          <a:xfrm>
            <a:off x="1472384" y="2559554"/>
            <a:ext cx="812626" cy="68825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7" name="Rectangle 26">
            <a:extLst>
              <a:ext uri="{FF2B5EF4-FFF2-40B4-BE49-F238E27FC236}">
                <a16:creationId xmlns:a16="http://schemas.microsoft.com/office/drawing/2014/main" id="{88F6D3E0-6E61-F77A-57C7-62EC197C6ACF}"/>
              </a:ext>
            </a:extLst>
          </p:cNvPr>
          <p:cNvSpPr/>
          <p:nvPr/>
        </p:nvSpPr>
        <p:spPr bwMode="auto">
          <a:xfrm>
            <a:off x="5693698" y="3028627"/>
            <a:ext cx="5166344" cy="68825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8" name="Rectangle 27">
            <a:extLst>
              <a:ext uri="{FF2B5EF4-FFF2-40B4-BE49-F238E27FC236}">
                <a16:creationId xmlns:a16="http://schemas.microsoft.com/office/drawing/2014/main" id="{BF2EAE45-96EC-A2C7-1CB9-8379C1DDB6AF}"/>
              </a:ext>
            </a:extLst>
          </p:cNvPr>
          <p:cNvSpPr/>
          <p:nvPr/>
        </p:nvSpPr>
        <p:spPr bwMode="auto">
          <a:xfrm>
            <a:off x="1534502" y="3113407"/>
            <a:ext cx="1434585" cy="648673"/>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9" name="Rectangle 28">
            <a:extLst>
              <a:ext uri="{FF2B5EF4-FFF2-40B4-BE49-F238E27FC236}">
                <a16:creationId xmlns:a16="http://schemas.microsoft.com/office/drawing/2014/main" id="{089A6B6E-30ED-1BD7-5EE0-1D2BAC87839B}"/>
              </a:ext>
            </a:extLst>
          </p:cNvPr>
          <p:cNvSpPr/>
          <p:nvPr/>
        </p:nvSpPr>
        <p:spPr bwMode="auto">
          <a:xfrm>
            <a:off x="6377389" y="3757454"/>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30" name="Rectangle 29">
            <a:extLst>
              <a:ext uri="{FF2B5EF4-FFF2-40B4-BE49-F238E27FC236}">
                <a16:creationId xmlns:a16="http://schemas.microsoft.com/office/drawing/2014/main" id="{41A3EF7B-70A8-4EC1-A482-66AF2B7D54AE}"/>
              </a:ext>
            </a:extLst>
          </p:cNvPr>
          <p:cNvSpPr/>
          <p:nvPr/>
        </p:nvSpPr>
        <p:spPr bwMode="auto">
          <a:xfrm>
            <a:off x="1568361" y="3712440"/>
            <a:ext cx="2079161" cy="65998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31" name="Table 10">
            <a:extLst>
              <a:ext uri="{FF2B5EF4-FFF2-40B4-BE49-F238E27FC236}">
                <a16:creationId xmlns:a16="http://schemas.microsoft.com/office/drawing/2014/main" id="{058812B4-B10A-55F0-DC36-CC72465B8D8F}"/>
              </a:ext>
            </a:extLst>
          </p:cNvPr>
          <p:cNvGraphicFramePr>
            <a:graphicFrameLocks noGrp="1"/>
          </p:cNvGraphicFramePr>
          <p:nvPr>
            <p:extLst>
              <p:ext uri="{D42A27DB-BD31-4B8C-83A1-F6EECF244321}">
                <p14:modId xmlns:p14="http://schemas.microsoft.com/office/powerpoint/2010/main" val="2063069584"/>
              </p:ext>
            </p:extLst>
          </p:nvPr>
        </p:nvGraphicFramePr>
        <p:xfrm>
          <a:off x="1644317" y="4378328"/>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35" name="Rectangle 34">
            <a:extLst>
              <a:ext uri="{FF2B5EF4-FFF2-40B4-BE49-F238E27FC236}">
                <a16:creationId xmlns:a16="http://schemas.microsoft.com/office/drawing/2014/main" id="{D390F757-F139-6553-BD79-6BAFED09DFE9}"/>
              </a:ext>
            </a:extLst>
          </p:cNvPr>
          <p:cNvSpPr/>
          <p:nvPr/>
        </p:nvSpPr>
        <p:spPr bwMode="auto">
          <a:xfrm>
            <a:off x="7094643" y="4130467"/>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36" name="Rectangle 35">
            <a:extLst>
              <a:ext uri="{FF2B5EF4-FFF2-40B4-BE49-F238E27FC236}">
                <a16:creationId xmlns:a16="http://schemas.microsoft.com/office/drawing/2014/main" id="{31A4754F-18D9-4F93-89F3-2DBAEEFB3D88}"/>
              </a:ext>
            </a:extLst>
          </p:cNvPr>
          <p:cNvSpPr/>
          <p:nvPr/>
        </p:nvSpPr>
        <p:spPr bwMode="auto">
          <a:xfrm>
            <a:off x="1290845" y="4238017"/>
            <a:ext cx="3074296" cy="65998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38" name="Table 10">
            <a:extLst>
              <a:ext uri="{FF2B5EF4-FFF2-40B4-BE49-F238E27FC236}">
                <a16:creationId xmlns:a16="http://schemas.microsoft.com/office/drawing/2014/main" id="{21EAA438-C7EB-FA96-78E5-8A6BF7B19C1B}"/>
              </a:ext>
            </a:extLst>
          </p:cNvPr>
          <p:cNvGraphicFramePr>
            <a:graphicFrameLocks noGrp="1"/>
          </p:cNvGraphicFramePr>
          <p:nvPr>
            <p:extLst>
              <p:ext uri="{D42A27DB-BD31-4B8C-83A1-F6EECF244321}">
                <p14:modId xmlns:p14="http://schemas.microsoft.com/office/powerpoint/2010/main" val="3540345012"/>
              </p:ext>
            </p:extLst>
          </p:nvPr>
        </p:nvGraphicFramePr>
        <p:xfrm>
          <a:off x="1655619" y="4864271"/>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39" name="Rectangle 38">
            <a:extLst>
              <a:ext uri="{FF2B5EF4-FFF2-40B4-BE49-F238E27FC236}">
                <a16:creationId xmlns:a16="http://schemas.microsoft.com/office/drawing/2014/main" id="{E053CD5A-1FFE-14F5-6361-7D3A3266DE3F}"/>
              </a:ext>
            </a:extLst>
          </p:cNvPr>
          <p:cNvSpPr/>
          <p:nvPr/>
        </p:nvSpPr>
        <p:spPr bwMode="auto">
          <a:xfrm>
            <a:off x="7738381" y="4723850"/>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0" name="Rectangle 39">
            <a:extLst>
              <a:ext uri="{FF2B5EF4-FFF2-40B4-BE49-F238E27FC236}">
                <a16:creationId xmlns:a16="http://schemas.microsoft.com/office/drawing/2014/main" id="{0089BB8D-52A6-5121-1C25-FB25A67C0A62}"/>
              </a:ext>
            </a:extLst>
          </p:cNvPr>
          <p:cNvSpPr/>
          <p:nvPr/>
        </p:nvSpPr>
        <p:spPr bwMode="auto">
          <a:xfrm>
            <a:off x="1533553" y="4757943"/>
            <a:ext cx="3515322" cy="65998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41" name="Table 10">
            <a:extLst>
              <a:ext uri="{FF2B5EF4-FFF2-40B4-BE49-F238E27FC236}">
                <a16:creationId xmlns:a16="http://schemas.microsoft.com/office/drawing/2014/main" id="{A9E82BD4-65CB-3B33-1EA1-ED77389CF55A}"/>
              </a:ext>
            </a:extLst>
          </p:cNvPr>
          <p:cNvGraphicFramePr>
            <a:graphicFrameLocks noGrp="1"/>
          </p:cNvGraphicFramePr>
          <p:nvPr>
            <p:extLst>
              <p:ext uri="{D42A27DB-BD31-4B8C-83A1-F6EECF244321}">
                <p14:modId xmlns:p14="http://schemas.microsoft.com/office/powerpoint/2010/main" val="846112218"/>
              </p:ext>
            </p:extLst>
          </p:nvPr>
        </p:nvGraphicFramePr>
        <p:xfrm>
          <a:off x="1678223" y="5350214"/>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42" name="Rectangle 41">
            <a:extLst>
              <a:ext uri="{FF2B5EF4-FFF2-40B4-BE49-F238E27FC236}">
                <a16:creationId xmlns:a16="http://schemas.microsoft.com/office/drawing/2014/main" id="{F88311F5-601F-1C31-8ADB-265AE9724379}"/>
              </a:ext>
            </a:extLst>
          </p:cNvPr>
          <p:cNvSpPr/>
          <p:nvPr/>
        </p:nvSpPr>
        <p:spPr bwMode="auto">
          <a:xfrm>
            <a:off x="8467432" y="5272030"/>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3" name="Rectangle 42">
            <a:extLst>
              <a:ext uri="{FF2B5EF4-FFF2-40B4-BE49-F238E27FC236}">
                <a16:creationId xmlns:a16="http://schemas.microsoft.com/office/drawing/2014/main" id="{B95E6417-EA0A-EF4E-58B8-78DEB59DE3DE}"/>
              </a:ext>
            </a:extLst>
          </p:cNvPr>
          <p:cNvSpPr/>
          <p:nvPr/>
        </p:nvSpPr>
        <p:spPr bwMode="auto">
          <a:xfrm>
            <a:off x="1244731" y="5238322"/>
            <a:ext cx="4521766" cy="648673"/>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45" name="Table 10">
            <a:extLst>
              <a:ext uri="{FF2B5EF4-FFF2-40B4-BE49-F238E27FC236}">
                <a16:creationId xmlns:a16="http://schemas.microsoft.com/office/drawing/2014/main" id="{797B71D4-A62F-B7F8-238F-0B24BEF610BD}"/>
              </a:ext>
            </a:extLst>
          </p:cNvPr>
          <p:cNvGraphicFramePr>
            <a:graphicFrameLocks noGrp="1"/>
          </p:cNvGraphicFramePr>
          <p:nvPr>
            <p:extLst>
              <p:ext uri="{D42A27DB-BD31-4B8C-83A1-F6EECF244321}">
                <p14:modId xmlns:p14="http://schemas.microsoft.com/office/powerpoint/2010/main" val="1363410190"/>
              </p:ext>
            </p:extLst>
          </p:nvPr>
        </p:nvGraphicFramePr>
        <p:xfrm>
          <a:off x="1689525" y="5813555"/>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46" name="Rectangle 45">
            <a:extLst>
              <a:ext uri="{FF2B5EF4-FFF2-40B4-BE49-F238E27FC236}">
                <a16:creationId xmlns:a16="http://schemas.microsoft.com/office/drawing/2014/main" id="{6747A3CF-5A7F-1DF2-37DF-F0A408AFEDF9}"/>
              </a:ext>
            </a:extLst>
          </p:cNvPr>
          <p:cNvSpPr/>
          <p:nvPr/>
        </p:nvSpPr>
        <p:spPr bwMode="auto">
          <a:xfrm>
            <a:off x="9173226" y="5645043"/>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7" name="Rectangle 46">
            <a:extLst>
              <a:ext uri="{FF2B5EF4-FFF2-40B4-BE49-F238E27FC236}">
                <a16:creationId xmlns:a16="http://schemas.microsoft.com/office/drawing/2014/main" id="{93974ACD-9CD3-A156-6B69-B405CE722381}"/>
              </a:ext>
            </a:extLst>
          </p:cNvPr>
          <p:cNvSpPr/>
          <p:nvPr/>
        </p:nvSpPr>
        <p:spPr bwMode="auto">
          <a:xfrm>
            <a:off x="1487431" y="5735646"/>
            <a:ext cx="4985408" cy="648673"/>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8" name="Rectangle 47">
            <a:extLst>
              <a:ext uri="{FF2B5EF4-FFF2-40B4-BE49-F238E27FC236}">
                <a16:creationId xmlns:a16="http://schemas.microsoft.com/office/drawing/2014/main" id="{F830A4F3-F5C4-2B4C-27E0-3D9603EF9277}"/>
              </a:ext>
            </a:extLst>
          </p:cNvPr>
          <p:cNvSpPr/>
          <p:nvPr/>
        </p:nvSpPr>
        <p:spPr bwMode="auto">
          <a:xfrm>
            <a:off x="9087836" y="1395949"/>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9" name="Left Brace 48">
            <a:extLst>
              <a:ext uri="{FF2B5EF4-FFF2-40B4-BE49-F238E27FC236}">
                <a16:creationId xmlns:a16="http://schemas.microsoft.com/office/drawing/2014/main" id="{5D0A0E7E-C16B-D218-0EE8-6C6DE980A37D}"/>
              </a:ext>
            </a:extLst>
          </p:cNvPr>
          <p:cNvSpPr/>
          <p:nvPr/>
        </p:nvSpPr>
        <p:spPr bwMode="auto">
          <a:xfrm>
            <a:off x="1310250" y="2129101"/>
            <a:ext cx="223296" cy="4153997"/>
          </a:xfrm>
          <a:prstGeom prst="leftBrace">
            <a:avLst/>
          </a:prstGeom>
          <a:no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GB"/>
          </a:p>
        </p:txBody>
      </p:sp>
      <p:sp>
        <p:nvSpPr>
          <p:cNvPr id="50" name="TextBox 49">
            <a:extLst>
              <a:ext uri="{FF2B5EF4-FFF2-40B4-BE49-F238E27FC236}">
                <a16:creationId xmlns:a16="http://schemas.microsoft.com/office/drawing/2014/main" id="{0EAE731A-0E74-4719-F75D-430C5435A302}"/>
              </a:ext>
            </a:extLst>
          </p:cNvPr>
          <p:cNvSpPr txBox="1"/>
          <p:nvPr/>
        </p:nvSpPr>
        <p:spPr>
          <a:xfrm>
            <a:off x="519850" y="4068359"/>
            <a:ext cx="644156"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spcBef>
                <a:spcPts val="432"/>
              </a:spcBef>
            </a:pPr>
            <a:r>
              <a:rPr lang="en-GB">
                <a:latin typeface="+mn-lt"/>
                <a:ea typeface="ＭＳ Ｐゴシック"/>
                <a:cs typeface="Arial"/>
              </a:rPr>
              <a:t>4-mers</a:t>
            </a:r>
            <a:endParaRPr lang="en-GB" err="1">
              <a:latin typeface="+mn-lt"/>
            </a:endParaRPr>
          </a:p>
        </p:txBody>
      </p:sp>
      <p:sp>
        <p:nvSpPr>
          <p:cNvPr id="51" name="TextBox 50">
            <a:extLst>
              <a:ext uri="{FF2B5EF4-FFF2-40B4-BE49-F238E27FC236}">
                <a16:creationId xmlns:a16="http://schemas.microsoft.com/office/drawing/2014/main" id="{6F704ABA-858F-FE39-5B33-89D5BEA9B34F}"/>
              </a:ext>
            </a:extLst>
          </p:cNvPr>
          <p:cNvSpPr txBox="1"/>
          <p:nvPr/>
        </p:nvSpPr>
        <p:spPr>
          <a:xfrm>
            <a:off x="9210307" y="1593441"/>
            <a:ext cx="1932970"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a:latin typeface="+mn-lt"/>
                <a:ea typeface="ＭＳ Ｐゴシック"/>
                <a:cs typeface="Arial"/>
              </a:rPr>
              <a:t>DNA sequence</a:t>
            </a:r>
            <a:endParaRPr lang="en-GB" err="1">
              <a:latin typeface="+mn-lt"/>
            </a:endParaRPr>
          </a:p>
        </p:txBody>
      </p:sp>
    </p:spTree>
    <p:custDataLst>
      <p:custData r:id="rId1"/>
      <p:custData r:id="rId2"/>
    </p:custDataLst>
    <p:extLst>
      <p:ext uri="{BB962C8B-B14F-4D97-AF65-F5344CB8AC3E}">
        <p14:creationId xmlns:p14="http://schemas.microsoft.com/office/powerpoint/2010/main" val="2836067693"/>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k-</a:t>
            </a:r>
            <a:r>
              <a:rPr lang="en-GB" err="1">
                <a:cs typeface="Arial"/>
              </a:rPr>
              <a:t>mers</a:t>
            </a:r>
            <a:endParaRPr lang="en-GB" err="1"/>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197485" indent="-197485"/>
            <a:r>
              <a:rPr lang="en-GB">
                <a:cs typeface="Arial"/>
              </a:rPr>
              <a:t>We can extract all the 4-mers (substrings of length 4) in this DNA sequence. </a:t>
            </a:r>
            <a:endParaRPr lang="en-US">
              <a:cs typeface="Arial"/>
            </a:endParaRPr>
          </a:p>
          <a:p>
            <a:pPr marL="197485" indent="-197485"/>
            <a:endParaRPr lang="en-GB">
              <a:cs typeface="Arial"/>
            </a:endParaRPr>
          </a:p>
          <a:p>
            <a:pPr marL="197485" indent="-197485"/>
            <a:r>
              <a:rPr lang="en-GB">
                <a:cs typeface="Arial"/>
              </a:rPr>
              <a:t>We created a window of length 4 and slide it from left to right, shifting one character at a time. </a:t>
            </a:r>
          </a:p>
          <a:p>
            <a:pPr marL="197485" indent="-197485"/>
            <a:endParaRPr lang="en-GB">
              <a:cs typeface="Arial"/>
            </a:endParaRPr>
          </a:p>
          <a:p>
            <a:pPr marL="197485" indent="-197485"/>
            <a:r>
              <a:rPr lang="en-GB">
                <a:cs typeface="Arial"/>
              </a:rPr>
              <a:t>If the length of a given DNA sequence is N, we end up with N - k+1 k-</a:t>
            </a:r>
            <a:r>
              <a:rPr lang="en-GB" err="1">
                <a:cs typeface="Arial"/>
              </a:rPr>
              <a:t>mers</a:t>
            </a:r>
            <a:endParaRPr lang="en-GB">
              <a:cs typeface="Arial"/>
            </a:endParaRPr>
          </a:p>
          <a:p>
            <a:pPr marL="197485" indent="-197485"/>
            <a:endParaRPr lang="en-GB">
              <a:cs typeface="Arial"/>
            </a:endParaRPr>
          </a:p>
          <a:p>
            <a:pPr marL="197485" indent="-197485"/>
            <a:r>
              <a:rPr lang="en-GB">
                <a:cs typeface="Arial"/>
              </a:rPr>
              <a:t>Total number of k-</a:t>
            </a:r>
            <a:r>
              <a:rPr lang="en-GB" err="1">
                <a:cs typeface="Arial"/>
              </a:rPr>
              <a:t>mers</a:t>
            </a:r>
            <a:r>
              <a:rPr lang="en-GB">
                <a:cs typeface="Arial"/>
              </a:rPr>
              <a:t> = N – k + 1</a:t>
            </a:r>
          </a:p>
          <a:p>
            <a:pPr marL="197485" indent="-197485"/>
            <a:endParaRPr lang="en-GB">
              <a:cs typeface="Arial"/>
            </a:endParaRPr>
          </a:p>
          <a:p>
            <a:pPr marL="197485" indent="-197485"/>
            <a:r>
              <a:rPr lang="en-GB">
                <a:cs typeface="Arial"/>
              </a:rPr>
              <a:t>In the previous slide, the DNA sequence is 11 characters long (N = 11) and k = 4, so we get eight k-mers (11- 4 + 1)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3</a:t>
            </a:fld>
            <a:endParaRPr lang="en-GB"/>
          </a:p>
        </p:txBody>
      </p:sp>
      <p:pic>
        <p:nvPicPr>
          <p:cNvPr id="3" name="Picture 2" descr="Logo&#10;&#10;Description automatically generated">
            <a:extLst>
              <a:ext uri="{FF2B5EF4-FFF2-40B4-BE49-F238E27FC236}">
                <a16:creationId xmlns:a16="http://schemas.microsoft.com/office/drawing/2014/main" id="{A4DACB9F-986B-1261-8A6D-513E8EBC2130}"/>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169572007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k-</a:t>
            </a:r>
            <a:r>
              <a:rPr lang="en-GB" err="1">
                <a:cs typeface="Arial"/>
              </a:rPr>
              <a:t>mers</a:t>
            </a:r>
            <a:endParaRPr lang="en-GB" err="1"/>
          </a:p>
        </p:txBody>
      </p:sp>
      <p:sp>
        <p:nvSpPr>
          <p:cNvPr id="4" name="Slide Number Placeholder 3"/>
          <p:cNvSpPr>
            <a:spLocks noGrp="1"/>
          </p:cNvSpPr>
          <p:nvPr>
            <p:ph type="sldNum" sz="quarter" idx="11"/>
          </p:nvPr>
        </p:nvSpPr>
        <p:spPr/>
        <p:txBody>
          <a:bodyPr/>
          <a:lstStyle/>
          <a:p>
            <a:fld id="{103EA872-A674-449B-A120-B97244F8E91D}" type="slidenum">
              <a:rPr lang="en-GB" smtClean="0"/>
              <a:pPr/>
              <a:t>14</a:t>
            </a:fld>
            <a:endParaRPr lang="en-GB"/>
          </a:p>
        </p:txBody>
      </p:sp>
      <p:graphicFrame>
        <p:nvGraphicFramePr>
          <p:cNvPr id="3" name="Table 10">
            <a:extLst>
              <a:ext uri="{FF2B5EF4-FFF2-40B4-BE49-F238E27FC236}">
                <a16:creationId xmlns:a16="http://schemas.microsoft.com/office/drawing/2014/main" id="{F541ACE0-D533-1C62-C9A1-D8F7DAD38528}"/>
              </a:ext>
            </a:extLst>
          </p:cNvPr>
          <p:cNvGraphicFramePr>
            <a:graphicFrameLocks noGrp="1"/>
          </p:cNvGraphicFramePr>
          <p:nvPr/>
        </p:nvGraphicFramePr>
        <p:xfrm>
          <a:off x="1604813" y="1536047"/>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tc>
                <a:tc>
                  <a:txBody>
                    <a:bodyPr/>
                    <a:lstStyle/>
                    <a:p>
                      <a:r>
                        <a:rPr lang="en-GB"/>
                        <a:t>C</a:t>
                      </a:r>
                    </a:p>
                  </a:txBody>
                  <a:tcPr/>
                </a:tc>
                <a:tc>
                  <a:txBody>
                    <a:bodyPr/>
                    <a:lstStyle/>
                    <a:p>
                      <a:pPr lvl="0">
                        <a:buNone/>
                      </a:pPr>
                      <a:r>
                        <a:rPr lang="en-GB"/>
                        <a:t>T</a:t>
                      </a:r>
                    </a:p>
                  </a:txBody>
                  <a:tcPr/>
                </a:tc>
                <a:tc>
                  <a:txBody>
                    <a:bodyPr/>
                    <a:lstStyle/>
                    <a:p>
                      <a:r>
                        <a:rPr lang="en-GB"/>
                        <a:t>C</a:t>
                      </a:r>
                    </a:p>
                  </a:txBody>
                  <a:tcPr/>
                </a:tc>
                <a:tc>
                  <a:txBody>
                    <a:bodyPr/>
                    <a:lstStyle/>
                    <a:p>
                      <a:r>
                        <a:rPr lang="en-GB"/>
                        <a:t>C</a:t>
                      </a:r>
                    </a:p>
                  </a:txBody>
                  <a:tcPr/>
                </a:tc>
                <a:tc>
                  <a:txBody>
                    <a:bodyPr/>
                    <a:lstStyle/>
                    <a:p>
                      <a:r>
                        <a:rPr lang="en-GB"/>
                        <a:t>G</a:t>
                      </a:r>
                    </a:p>
                  </a:txBody>
                  <a:tcPr/>
                </a:tc>
                <a:tc>
                  <a:txBody>
                    <a:bodyPr/>
                    <a:lstStyle/>
                    <a:p>
                      <a:r>
                        <a:rPr lang="en-GB"/>
                        <a:t>T</a:t>
                      </a:r>
                    </a:p>
                  </a:txBody>
                  <a:tcPr/>
                </a:tc>
                <a:tc>
                  <a:txBody>
                    <a:bodyPr/>
                    <a:lstStyle/>
                    <a:p>
                      <a:r>
                        <a:rPr lang="en-GB"/>
                        <a:t>A</a:t>
                      </a:r>
                    </a:p>
                  </a:txBody>
                  <a:tcPr/>
                </a:tc>
                <a:tc>
                  <a:txBody>
                    <a:bodyPr/>
                    <a:lstStyle/>
                    <a:p>
                      <a:r>
                        <a:rPr lang="en-GB"/>
                        <a:t>A</a:t>
                      </a:r>
                    </a:p>
                  </a:txBody>
                  <a:tcPr/>
                </a:tc>
                <a:tc>
                  <a:txBody>
                    <a:bodyPr/>
                    <a:lstStyle/>
                    <a:p>
                      <a:r>
                        <a:rPr lang="en-GB"/>
                        <a:t>C</a:t>
                      </a:r>
                    </a:p>
                  </a:txBody>
                  <a:tcPr/>
                </a:tc>
                <a:tc>
                  <a:txBody>
                    <a:bodyPr/>
                    <a:lstStyle/>
                    <a:p>
                      <a:r>
                        <a:rPr lang="en-GB"/>
                        <a:t>G</a:t>
                      </a:r>
                    </a:p>
                  </a:txBody>
                  <a:tcPr/>
                </a:tc>
                <a:tc>
                  <a:txBody>
                    <a:bodyPr/>
                    <a:lstStyle/>
                    <a:p>
                      <a:r>
                        <a:rPr lang="en-GB"/>
                        <a:t>T</a:t>
                      </a:r>
                    </a:p>
                  </a:txBody>
                  <a:tcPr/>
                </a:tc>
                <a:extLst>
                  <a:ext uri="{0D108BD9-81ED-4DB2-BD59-A6C34878D82A}">
                    <a16:rowId xmlns:a16="http://schemas.microsoft.com/office/drawing/2014/main" val="1338030887"/>
                  </a:ext>
                </a:extLst>
              </a:tr>
            </a:tbl>
          </a:graphicData>
        </a:graphic>
      </p:graphicFrame>
      <p:graphicFrame>
        <p:nvGraphicFramePr>
          <p:cNvPr id="8" name="Table 10">
            <a:extLst>
              <a:ext uri="{FF2B5EF4-FFF2-40B4-BE49-F238E27FC236}">
                <a16:creationId xmlns:a16="http://schemas.microsoft.com/office/drawing/2014/main" id="{8968FB88-0B23-9964-A21E-6833CB430555}"/>
              </a:ext>
            </a:extLst>
          </p:cNvPr>
          <p:cNvGraphicFramePr>
            <a:graphicFrameLocks noGrp="1"/>
          </p:cNvGraphicFramePr>
          <p:nvPr/>
        </p:nvGraphicFramePr>
        <p:xfrm>
          <a:off x="1604813" y="2146301"/>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graphicFrame>
        <p:nvGraphicFramePr>
          <p:cNvPr id="10" name="Table 10">
            <a:extLst>
              <a:ext uri="{FF2B5EF4-FFF2-40B4-BE49-F238E27FC236}">
                <a16:creationId xmlns:a16="http://schemas.microsoft.com/office/drawing/2014/main" id="{10013268-7605-4664-1B25-325BC88F8A4E}"/>
              </a:ext>
            </a:extLst>
          </p:cNvPr>
          <p:cNvGraphicFramePr>
            <a:graphicFrameLocks noGrp="1"/>
          </p:cNvGraphicFramePr>
          <p:nvPr/>
        </p:nvGraphicFramePr>
        <p:xfrm>
          <a:off x="1604813" y="2722652"/>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graphicFrame>
        <p:nvGraphicFramePr>
          <p:cNvPr id="12" name="Table 10">
            <a:extLst>
              <a:ext uri="{FF2B5EF4-FFF2-40B4-BE49-F238E27FC236}">
                <a16:creationId xmlns:a16="http://schemas.microsoft.com/office/drawing/2014/main" id="{E66128E2-EFEC-5E2C-20D9-F1D3BB620F0D}"/>
              </a:ext>
            </a:extLst>
          </p:cNvPr>
          <p:cNvGraphicFramePr>
            <a:graphicFrameLocks noGrp="1"/>
          </p:cNvGraphicFramePr>
          <p:nvPr/>
        </p:nvGraphicFramePr>
        <p:xfrm>
          <a:off x="1616115" y="3299003"/>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graphicFrame>
        <p:nvGraphicFramePr>
          <p:cNvPr id="14" name="Table 10">
            <a:extLst>
              <a:ext uri="{FF2B5EF4-FFF2-40B4-BE49-F238E27FC236}">
                <a16:creationId xmlns:a16="http://schemas.microsoft.com/office/drawing/2014/main" id="{10BCDDB8-A334-ECBF-FEC3-9952B4F63A4F}"/>
              </a:ext>
            </a:extLst>
          </p:cNvPr>
          <p:cNvGraphicFramePr>
            <a:graphicFrameLocks noGrp="1"/>
          </p:cNvGraphicFramePr>
          <p:nvPr/>
        </p:nvGraphicFramePr>
        <p:xfrm>
          <a:off x="1616115" y="3852752"/>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21" name="Rectangle 20">
            <a:extLst>
              <a:ext uri="{FF2B5EF4-FFF2-40B4-BE49-F238E27FC236}">
                <a16:creationId xmlns:a16="http://schemas.microsoft.com/office/drawing/2014/main" id="{FE8A586E-D059-0A5D-B7EE-55966F4B2D09}"/>
              </a:ext>
            </a:extLst>
          </p:cNvPr>
          <p:cNvSpPr/>
          <p:nvPr/>
        </p:nvSpPr>
        <p:spPr bwMode="auto">
          <a:xfrm>
            <a:off x="4315689" y="1966010"/>
            <a:ext cx="5969237" cy="68825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4" name="Rectangle 23">
            <a:extLst>
              <a:ext uri="{FF2B5EF4-FFF2-40B4-BE49-F238E27FC236}">
                <a16:creationId xmlns:a16="http://schemas.microsoft.com/office/drawing/2014/main" id="{1074CDF0-7132-9AD4-E672-45C3B175FC4F}"/>
              </a:ext>
            </a:extLst>
          </p:cNvPr>
          <p:cNvSpPr/>
          <p:nvPr/>
        </p:nvSpPr>
        <p:spPr bwMode="auto">
          <a:xfrm>
            <a:off x="5010496" y="2525490"/>
            <a:ext cx="5166344" cy="68825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5" name="Rectangle 24">
            <a:extLst>
              <a:ext uri="{FF2B5EF4-FFF2-40B4-BE49-F238E27FC236}">
                <a16:creationId xmlns:a16="http://schemas.microsoft.com/office/drawing/2014/main" id="{7CC2A4A8-FD99-9C03-C9E6-26E63A0D1FEB}"/>
              </a:ext>
            </a:extLst>
          </p:cNvPr>
          <p:cNvSpPr/>
          <p:nvPr/>
        </p:nvSpPr>
        <p:spPr bwMode="auto">
          <a:xfrm>
            <a:off x="5151459" y="2655526"/>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6" name="Rectangle 25">
            <a:extLst>
              <a:ext uri="{FF2B5EF4-FFF2-40B4-BE49-F238E27FC236}">
                <a16:creationId xmlns:a16="http://schemas.microsoft.com/office/drawing/2014/main" id="{CB2B13DC-4E45-D66A-F74A-36CD555E1D35}"/>
              </a:ext>
            </a:extLst>
          </p:cNvPr>
          <p:cNvSpPr/>
          <p:nvPr/>
        </p:nvSpPr>
        <p:spPr bwMode="auto">
          <a:xfrm>
            <a:off x="1472384" y="2559554"/>
            <a:ext cx="812626" cy="68825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7" name="Rectangle 26">
            <a:extLst>
              <a:ext uri="{FF2B5EF4-FFF2-40B4-BE49-F238E27FC236}">
                <a16:creationId xmlns:a16="http://schemas.microsoft.com/office/drawing/2014/main" id="{88F6D3E0-6E61-F77A-57C7-62EC197C6ACF}"/>
              </a:ext>
            </a:extLst>
          </p:cNvPr>
          <p:cNvSpPr/>
          <p:nvPr/>
        </p:nvSpPr>
        <p:spPr bwMode="auto">
          <a:xfrm>
            <a:off x="5693698" y="3028627"/>
            <a:ext cx="5166344" cy="68825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8" name="Rectangle 27">
            <a:extLst>
              <a:ext uri="{FF2B5EF4-FFF2-40B4-BE49-F238E27FC236}">
                <a16:creationId xmlns:a16="http://schemas.microsoft.com/office/drawing/2014/main" id="{BF2EAE45-96EC-A2C7-1CB9-8379C1DDB6AF}"/>
              </a:ext>
            </a:extLst>
          </p:cNvPr>
          <p:cNvSpPr/>
          <p:nvPr/>
        </p:nvSpPr>
        <p:spPr bwMode="auto">
          <a:xfrm>
            <a:off x="1534502" y="3113407"/>
            <a:ext cx="1434585" cy="648673"/>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9" name="Rectangle 28">
            <a:extLst>
              <a:ext uri="{FF2B5EF4-FFF2-40B4-BE49-F238E27FC236}">
                <a16:creationId xmlns:a16="http://schemas.microsoft.com/office/drawing/2014/main" id="{089A6B6E-30ED-1BD7-5EE0-1D2BAC87839B}"/>
              </a:ext>
            </a:extLst>
          </p:cNvPr>
          <p:cNvSpPr/>
          <p:nvPr/>
        </p:nvSpPr>
        <p:spPr bwMode="auto">
          <a:xfrm>
            <a:off x="6377389" y="3757454"/>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30" name="Rectangle 29">
            <a:extLst>
              <a:ext uri="{FF2B5EF4-FFF2-40B4-BE49-F238E27FC236}">
                <a16:creationId xmlns:a16="http://schemas.microsoft.com/office/drawing/2014/main" id="{41A3EF7B-70A8-4EC1-A482-66AF2B7D54AE}"/>
              </a:ext>
            </a:extLst>
          </p:cNvPr>
          <p:cNvSpPr/>
          <p:nvPr/>
        </p:nvSpPr>
        <p:spPr bwMode="auto">
          <a:xfrm>
            <a:off x="1568361" y="3712440"/>
            <a:ext cx="2079161" cy="65998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31" name="Table 10">
            <a:extLst>
              <a:ext uri="{FF2B5EF4-FFF2-40B4-BE49-F238E27FC236}">
                <a16:creationId xmlns:a16="http://schemas.microsoft.com/office/drawing/2014/main" id="{058812B4-B10A-55F0-DC36-CC72465B8D8F}"/>
              </a:ext>
            </a:extLst>
          </p:cNvPr>
          <p:cNvGraphicFramePr>
            <a:graphicFrameLocks noGrp="1"/>
          </p:cNvGraphicFramePr>
          <p:nvPr/>
        </p:nvGraphicFramePr>
        <p:xfrm>
          <a:off x="1644317" y="4378328"/>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35" name="Rectangle 34">
            <a:extLst>
              <a:ext uri="{FF2B5EF4-FFF2-40B4-BE49-F238E27FC236}">
                <a16:creationId xmlns:a16="http://schemas.microsoft.com/office/drawing/2014/main" id="{D390F757-F139-6553-BD79-6BAFED09DFE9}"/>
              </a:ext>
            </a:extLst>
          </p:cNvPr>
          <p:cNvSpPr/>
          <p:nvPr/>
        </p:nvSpPr>
        <p:spPr bwMode="auto">
          <a:xfrm>
            <a:off x="7094643" y="4130467"/>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36" name="Rectangle 35">
            <a:extLst>
              <a:ext uri="{FF2B5EF4-FFF2-40B4-BE49-F238E27FC236}">
                <a16:creationId xmlns:a16="http://schemas.microsoft.com/office/drawing/2014/main" id="{31A4754F-18D9-4F93-89F3-2DBAEEFB3D88}"/>
              </a:ext>
            </a:extLst>
          </p:cNvPr>
          <p:cNvSpPr/>
          <p:nvPr/>
        </p:nvSpPr>
        <p:spPr bwMode="auto">
          <a:xfrm>
            <a:off x="1290845" y="4238017"/>
            <a:ext cx="3074296" cy="65998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38" name="Table 10">
            <a:extLst>
              <a:ext uri="{FF2B5EF4-FFF2-40B4-BE49-F238E27FC236}">
                <a16:creationId xmlns:a16="http://schemas.microsoft.com/office/drawing/2014/main" id="{21EAA438-C7EB-FA96-78E5-8A6BF7B19C1B}"/>
              </a:ext>
            </a:extLst>
          </p:cNvPr>
          <p:cNvGraphicFramePr>
            <a:graphicFrameLocks noGrp="1"/>
          </p:cNvGraphicFramePr>
          <p:nvPr/>
        </p:nvGraphicFramePr>
        <p:xfrm>
          <a:off x="1655619" y="4864271"/>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39" name="Rectangle 38">
            <a:extLst>
              <a:ext uri="{FF2B5EF4-FFF2-40B4-BE49-F238E27FC236}">
                <a16:creationId xmlns:a16="http://schemas.microsoft.com/office/drawing/2014/main" id="{E053CD5A-1FFE-14F5-6361-7D3A3266DE3F}"/>
              </a:ext>
            </a:extLst>
          </p:cNvPr>
          <p:cNvSpPr/>
          <p:nvPr/>
        </p:nvSpPr>
        <p:spPr bwMode="auto">
          <a:xfrm>
            <a:off x="7738381" y="4723850"/>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0" name="Rectangle 39">
            <a:extLst>
              <a:ext uri="{FF2B5EF4-FFF2-40B4-BE49-F238E27FC236}">
                <a16:creationId xmlns:a16="http://schemas.microsoft.com/office/drawing/2014/main" id="{0089BB8D-52A6-5121-1C25-FB25A67C0A62}"/>
              </a:ext>
            </a:extLst>
          </p:cNvPr>
          <p:cNvSpPr/>
          <p:nvPr/>
        </p:nvSpPr>
        <p:spPr bwMode="auto">
          <a:xfrm>
            <a:off x="1533553" y="4757943"/>
            <a:ext cx="3515322" cy="65998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41" name="Table 10">
            <a:extLst>
              <a:ext uri="{FF2B5EF4-FFF2-40B4-BE49-F238E27FC236}">
                <a16:creationId xmlns:a16="http://schemas.microsoft.com/office/drawing/2014/main" id="{A9E82BD4-65CB-3B33-1EA1-ED77389CF55A}"/>
              </a:ext>
            </a:extLst>
          </p:cNvPr>
          <p:cNvGraphicFramePr>
            <a:graphicFrameLocks noGrp="1"/>
          </p:cNvGraphicFramePr>
          <p:nvPr/>
        </p:nvGraphicFramePr>
        <p:xfrm>
          <a:off x="1678223" y="5350214"/>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42" name="Rectangle 41">
            <a:extLst>
              <a:ext uri="{FF2B5EF4-FFF2-40B4-BE49-F238E27FC236}">
                <a16:creationId xmlns:a16="http://schemas.microsoft.com/office/drawing/2014/main" id="{F88311F5-601F-1C31-8ADB-265AE9724379}"/>
              </a:ext>
            </a:extLst>
          </p:cNvPr>
          <p:cNvSpPr/>
          <p:nvPr/>
        </p:nvSpPr>
        <p:spPr bwMode="auto">
          <a:xfrm>
            <a:off x="8467432" y="5272030"/>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3" name="Rectangle 42">
            <a:extLst>
              <a:ext uri="{FF2B5EF4-FFF2-40B4-BE49-F238E27FC236}">
                <a16:creationId xmlns:a16="http://schemas.microsoft.com/office/drawing/2014/main" id="{B95E6417-EA0A-EF4E-58B8-78DEB59DE3DE}"/>
              </a:ext>
            </a:extLst>
          </p:cNvPr>
          <p:cNvSpPr/>
          <p:nvPr/>
        </p:nvSpPr>
        <p:spPr bwMode="auto">
          <a:xfrm>
            <a:off x="1244731" y="5238322"/>
            <a:ext cx="4521766" cy="648673"/>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45" name="Table 10">
            <a:extLst>
              <a:ext uri="{FF2B5EF4-FFF2-40B4-BE49-F238E27FC236}">
                <a16:creationId xmlns:a16="http://schemas.microsoft.com/office/drawing/2014/main" id="{797B71D4-A62F-B7F8-238F-0B24BEF610BD}"/>
              </a:ext>
            </a:extLst>
          </p:cNvPr>
          <p:cNvGraphicFramePr>
            <a:graphicFrameLocks noGrp="1"/>
          </p:cNvGraphicFramePr>
          <p:nvPr/>
        </p:nvGraphicFramePr>
        <p:xfrm>
          <a:off x="1689525" y="5813555"/>
          <a:ext cx="8167044" cy="370840"/>
        </p:xfrm>
        <a:graphic>
          <a:graphicData uri="http://schemas.openxmlformats.org/drawingml/2006/table">
            <a:tbl>
              <a:tblPr firstRow="1" bandRow="1">
                <a:tableStyleId>{5C22544A-7EE6-4342-B048-85BDC9FD1C3A}</a:tableStyleId>
              </a:tblPr>
              <a:tblGrid>
                <a:gridCol w="680587">
                  <a:extLst>
                    <a:ext uri="{9D8B030D-6E8A-4147-A177-3AD203B41FA5}">
                      <a16:colId xmlns:a16="http://schemas.microsoft.com/office/drawing/2014/main" val="1041634001"/>
                    </a:ext>
                  </a:extLst>
                </a:gridCol>
                <a:gridCol w="680587">
                  <a:extLst>
                    <a:ext uri="{9D8B030D-6E8A-4147-A177-3AD203B41FA5}">
                      <a16:colId xmlns:a16="http://schemas.microsoft.com/office/drawing/2014/main" val="3511522588"/>
                    </a:ext>
                  </a:extLst>
                </a:gridCol>
                <a:gridCol w="680587">
                  <a:extLst>
                    <a:ext uri="{9D8B030D-6E8A-4147-A177-3AD203B41FA5}">
                      <a16:colId xmlns:a16="http://schemas.microsoft.com/office/drawing/2014/main" val="2494723186"/>
                    </a:ext>
                  </a:extLst>
                </a:gridCol>
                <a:gridCol w="680587">
                  <a:extLst>
                    <a:ext uri="{9D8B030D-6E8A-4147-A177-3AD203B41FA5}">
                      <a16:colId xmlns:a16="http://schemas.microsoft.com/office/drawing/2014/main" val="2312071038"/>
                    </a:ext>
                  </a:extLst>
                </a:gridCol>
                <a:gridCol w="680587">
                  <a:extLst>
                    <a:ext uri="{9D8B030D-6E8A-4147-A177-3AD203B41FA5}">
                      <a16:colId xmlns:a16="http://schemas.microsoft.com/office/drawing/2014/main" val="3357068943"/>
                    </a:ext>
                  </a:extLst>
                </a:gridCol>
                <a:gridCol w="680587">
                  <a:extLst>
                    <a:ext uri="{9D8B030D-6E8A-4147-A177-3AD203B41FA5}">
                      <a16:colId xmlns:a16="http://schemas.microsoft.com/office/drawing/2014/main" val="1395779886"/>
                    </a:ext>
                  </a:extLst>
                </a:gridCol>
                <a:gridCol w="680587">
                  <a:extLst>
                    <a:ext uri="{9D8B030D-6E8A-4147-A177-3AD203B41FA5}">
                      <a16:colId xmlns:a16="http://schemas.microsoft.com/office/drawing/2014/main" val="100929346"/>
                    </a:ext>
                  </a:extLst>
                </a:gridCol>
                <a:gridCol w="680587">
                  <a:extLst>
                    <a:ext uri="{9D8B030D-6E8A-4147-A177-3AD203B41FA5}">
                      <a16:colId xmlns:a16="http://schemas.microsoft.com/office/drawing/2014/main" val="20327050"/>
                    </a:ext>
                  </a:extLst>
                </a:gridCol>
                <a:gridCol w="680587">
                  <a:extLst>
                    <a:ext uri="{9D8B030D-6E8A-4147-A177-3AD203B41FA5}">
                      <a16:colId xmlns:a16="http://schemas.microsoft.com/office/drawing/2014/main" val="2702001184"/>
                    </a:ext>
                  </a:extLst>
                </a:gridCol>
                <a:gridCol w="680587">
                  <a:extLst>
                    <a:ext uri="{9D8B030D-6E8A-4147-A177-3AD203B41FA5}">
                      <a16:colId xmlns:a16="http://schemas.microsoft.com/office/drawing/2014/main" val="339904363"/>
                    </a:ext>
                  </a:extLst>
                </a:gridCol>
                <a:gridCol w="680587">
                  <a:extLst>
                    <a:ext uri="{9D8B030D-6E8A-4147-A177-3AD203B41FA5}">
                      <a16:colId xmlns:a16="http://schemas.microsoft.com/office/drawing/2014/main" val="3748877630"/>
                    </a:ext>
                  </a:extLst>
                </a:gridCol>
                <a:gridCol w="680587">
                  <a:extLst>
                    <a:ext uri="{9D8B030D-6E8A-4147-A177-3AD203B41FA5}">
                      <a16:colId xmlns:a16="http://schemas.microsoft.com/office/drawing/2014/main" val="371780530"/>
                    </a:ext>
                  </a:extLst>
                </a:gridCol>
              </a:tblGrid>
              <a:tr h="370840">
                <a:tc>
                  <a:txBody>
                    <a:bodyPr/>
                    <a:lstStyle/>
                    <a:p>
                      <a:pPr lvl="0">
                        <a:buNone/>
                      </a:pPr>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pPr lvl="0">
                        <a:buNone/>
                      </a:pPr>
                      <a:r>
                        <a:rPr lang="en-GB"/>
                        <a:t>T</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A</a:t>
                      </a:r>
                    </a:p>
                  </a:txBody>
                  <a:tcPr>
                    <a:solidFill>
                      <a:schemeClr val="accent1">
                        <a:lumMod val="60000"/>
                        <a:lumOff val="40000"/>
                      </a:schemeClr>
                    </a:solidFill>
                  </a:tcPr>
                </a:tc>
                <a:tc>
                  <a:txBody>
                    <a:bodyPr/>
                    <a:lstStyle/>
                    <a:p>
                      <a:r>
                        <a:rPr lang="en-GB"/>
                        <a:t>C</a:t>
                      </a:r>
                    </a:p>
                  </a:txBody>
                  <a:tcPr>
                    <a:solidFill>
                      <a:schemeClr val="accent1">
                        <a:lumMod val="60000"/>
                        <a:lumOff val="40000"/>
                      </a:schemeClr>
                    </a:solidFill>
                  </a:tcPr>
                </a:tc>
                <a:tc>
                  <a:txBody>
                    <a:bodyPr/>
                    <a:lstStyle/>
                    <a:p>
                      <a:r>
                        <a:rPr lang="en-GB"/>
                        <a:t>G</a:t>
                      </a:r>
                    </a:p>
                  </a:txBody>
                  <a:tcPr>
                    <a:solidFill>
                      <a:schemeClr val="accent1">
                        <a:lumMod val="60000"/>
                        <a:lumOff val="40000"/>
                      </a:schemeClr>
                    </a:solidFill>
                  </a:tcPr>
                </a:tc>
                <a:tc>
                  <a:txBody>
                    <a:bodyPr/>
                    <a:lstStyle/>
                    <a:p>
                      <a:r>
                        <a:rPr lang="en-GB"/>
                        <a:t>T</a:t>
                      </a:r>
                    </a:p>
                  </a:txBody>
                  <a:tcPr>
                    <a:solidFill>
                      <a:schemeClr val="accent1">
                        <a:lumMod val="60000"/>
                        <a:lumOff val="40000"/>
                      </a:schemeClr>
                    </a:solidFill>
                  </a:tcPr>
                </a:tc>
                <a:extLst>
                  <a:ext uri="{0D108BD9-81ED-4DB2-BD59-A6C34878D82A}">
                    <a16:rowId xmlns:a16="http://schemas.microsoft.com/office/drawing/2014/main" val="1338030887"/>
                  </a:ext>
                </a:extLst>
              </a:tr>
            </a:tbl>
          </a:graphicData>
        </a:graphic>
      </p:graphicFrame>
      <p:sp>
        <p:nvSpPr>
          <p:cNvPr id="46" name="Rectangle 45">
            <a:extLst>
              <a:ext uri="{FF2B5EF4-FFF2-40B4-BE49-F238E27FC236}">
                <a16:creationId xmlns:a16="http://schemas.microsoft.com/office/drawing/2014/main" id="{6747A3CF-5A7F-1DF2-37DF-F0A408AFEDF9}"/>
              </a:ext>
            </a:extLst>
          </p:cNvPr>
          <p:cNvSpPr/>
          <p:nvPr/>
        </p:nvSpPr>
        <p:spPr bwMode="auto">
          <a:xfrm>
            <a:off x="9173226" y="5645043"/>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7" name="Rectangle 46">
            <a:extLst>
              <a:ext uri="{FF2B5EF4-FFF2-40B4-BE49-F238E27FC236}">
                <a16:creationId xmlns:a16="http://schemas.microsoft.com/office/drawing/2014/main" id="{93974ACD-9CD3-A156-6B69-B405CE722381}"/>
              </a:ext>
            </a:extLst>
          </p:cNvPr>
          <p:cNvSpPr/>
          <p:nvPr/>
        </p:nvSpPr>
        <p:spPr bwMode="auto">
          <a:xfrm>
            <a:off x="1487431" y="5735646"/>
            <a:ext cx="4985408" cy="648673"/>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8" name="Rectangle 47">
            <a:extLst>
              <a:ext uri="{FF2B5EF4-FFF2-40B4-BE49-F238E27FC236}">
                <a16:creationId xmlns:a16="http://schemas.microsoft.com/office/drawing/2014/main" id="{F830A4F3-F5C4-2B4C-27E0-3D9603EF9277}"/>
              </a:ext>
            </a:extLst>
          </p:cNvPr>
          <p:cNvSpPr/>
          <p:nvPr/>
        </p:nvSpPr>
        <p:spPr bwMode="auto">
          <a:xfrm>
            <a:off x="9087836" y="1395949"/>
            <a:ext cx="5166344" cy="631712"/>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49" name="Left Brace 48">
            <a:extLst>
              <a:ext uri="{FF2B5EF4-FFF2-40B4-BE49-F238E27FC236}">
                <a16:creationId xmlns:a16="http://schemas.microsoft.com/office/drawing/2014/main" id="{5D0A0E7E-C16B-D218-0EE8-6C6DE980A37D}"/>
              </a:ext>
            </a:extLst>
          </p:cNvPr>
          <p:cNvSpPr/>
          <p:nvPr/>
        </p:nvSpPr>
        <p:spPr bwMode="auto">
          <a:xfrm>
            <a:off x="1310250" y="2129101"/>
            <a:ext cx="223296" cy="4153997"/>
          </a:xfrm>
          <a:prstGeom prst="leftBrace">
            <a:avLst/>
          </a:prstGeom>
          <a:no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GB"/>
          </a:p>
        </p:txBody>
      </p:sp>
      <p:sp>
        <p:nvSpPr>
          <p:cNvPr id="50" name="TextBox 49">
            <a:extLst>
              <a:ext uri="{FF2B5EF4-FFF2-40B4-BE49-F238E27FC236}">
                <a16:creationId xmlns:a16="http://schemas.microsoft.com/office/drawing/2014/main" id="{0EAE731A-0E74-4719-F75D-430C5435A302}"/>
              </a:ext>
            </a:extLst>
          </p:cNvPr>
          <p:cNvSpPr txBox="1"/>
          <p:nvPr/>
        </p:nvSpPr>
        <p:spPr>
          <a:xfrm>
            <a:off x="519850" y="4068359"/>
            <a:ext cx="644156"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spcBef>
                <a:spcPts val="432"/>
              </a:spcBef>
            </a:pPr>
            <a:r>
              <a:rPr lang="en-GB">
                <a:latin typeface="+mn-lt"/>
                <a:ea typeface="ＭＳ Ｐゴシック"/>
                <a:cs typeface="Arial"/>
              </a:rPr>
              <a:t>4-mers</a:t>
            </a:r>
            <a:endParaRPr lang="en-GB" err="1">
              <a:latin typeface="+mn-lt"/>
            </a:endParaRPr>
          </a:p>
        </p:txBody>
      </p:sp>
      <p:sp>
        <p:nvSpPr>
          <p:cNvPr id="51" name="TextBox 50">
            <a:extLst>
              <a:ext uri="{FF2B5EF4-FFF2-40B4-BE49-F238E27FC236}">
                <a16:creationId xmlns:a16="http://schemas.microsoft.com/office/drawing/2014/main" id="{6F704ABA-858F-FE39-5B33-89D5BEA9B34F}"/>
              </a:ext>
            </a:extLst>
          </p:cNvPr>
          <p:cNvSpPr txBox="1"/>
          <p:nvPr/>
        </p:nvSpPr>
        <p:spPr>
          <a:xfrm>
            <a:off x="9210307" y="1593441"/>
            <a:ext cx="1932970"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a:latin typeface="+mn-lt"/>
                <a:ea typeface="ＭＳ Ｐゴシック"/>
                <a:cs typeface="Arial"/>
              </a:rPr>
              <a:t>DNA sequence</a:t>
            </a:r>
            <a:endParaRPr lang="en-GB" err="1">
              <a:latin typeface="+mn-lt"/>
            </a:endParaRPr>
          </a:p>
        </p:txBody>
      </p:sp>
      <p:sp>
        <p:nvSpPr>
          <p:cNvPr id="2" name="TextBox 1">
            <a:extLst>
              <a:ext uri="{FF2B5EF4-FFF2-40B4-BE49-F238E27FC236}">
                <a16:creationId xmlns:a16="http://schemas.microsoft.com/office/drawing/2014/main" id="{A0ED3325-02E7-4D91-8A26-853F085A829C}"/>
              </a:ext>
            </a:extLst>
          </p:cNvPr>
          <p:cNvSpPr txBox="1"/>
          <p:nvPr/>
        </p:nvSpPr>
        <p:spPr>
          <a:xfrm>
            <a:off x="8667878" y="3469406"/>
            <a:ext cx="2294102" cy="246221"/>
          </a:xfrm>
          <a:prstGeom prst="rect">
            <a:avLst/>
          </a:prstGeom>
          <a:solidFill>
            <a:schemeClr val="tx2">
              <a:lumMod val="20000"/>
              <a:lumOff val="80000"/>
            </a:schemeClr>
          </a:solid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a:latin typeface="+mn-lt"/>
                <a:ea typeface="ＭＳ Ｐゴシック"/>
                <a:cs typeface="Arial"/>
              </a:rPr>
              <a:t>Eight k-</a:t>
            </a:r>
            <a:r>
              <a:rPr lang="en-GB" err="1">
                <a:latin typeface="+mn-lt"/>
                <a:ea typeface="ＭＳ Ｐゴシック"/>
                <a:cs typeface="Arial"/>
              </a:rPr>
              <a:t>mers</a:t>
            </a:r>
            <a:r>
              <a:rPr lang="en-GB">
                <a:latin typeface="+mn-lt"/>
                <a:ea typeface="ＭＳ Ｐゴシック"/>
                <a:cs typeface="Arial"/>
              </a:rPr>
              <a:t> where k=4</a:t>
            </a:r>
            <a:endParaRPr lang="en-GB">
              <a:latin typeface="+mn-lt"/>
              <a:cs typeface="Arial"/>
            </a:endParaRPr>
          </a:p>
        </p:txBody>
      </p:sp>
      <p:pic>
        <p:nvPicPr>
          <p:cNvPr id="7" name="Picture 2" descr="Logo&#10;&#10;Description automatically generated">
            <a:extLst>
              <a:ext uri="{FF2B5EF4-FFF2-40B4-BE49-F238E27FC236}">
                <a16:creationId xmlns:a16="http://schemas.microsoft.com/office/drawing/2014/main" id="{BE52109A-E001-F5B4-1351-FDF9082B5A63}"/>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1567099201"/>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Species prediction with k-</a:t>
            </a:r>
            <a:r>
              <a:rPr lang="en-GB" err="1">
                <a:cs typeface="Arial"/>
              </a:rPr>
              <a:t>mers</a:t>
            </a:r>
            <a:endParaRPr lang="en-GB" err="1"/>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197485" indent="-197485"/>
            <a:r>
              <a:rPr lang="en-GB">
                <a:cs typeface="Arial"/>
              </a:rPr>
              <a:t>Sequences with high </a:t>
            </a:r>
            <a:r>
              <a:rPr lang="en-GB" err="1">
                <a:cs typeface="Arial"/>
              </a:rPr>
              <a:t>simlarity</a:t>
            </a:r>
            <a:r>
              <a:rPr lang="en-GB">
                <a:cs typeface="Arial"/>
              </a:rPr>
              <a:t> must share k-</a:t>
            </a:r>
            <a:r>
              <a:rPr lang="en-GB" err="1">
                <a:cs typeface="Arial"/>
              </a:rPr>
              <a:t>mers</a:t>
            </a:r>
          </a:p>
          <a:p>
            <a:pPr marL="197485" indent="-197485"/>
            <a:r>
              <a:rPr lang="en-GB">
                <a:cs typeface="Arial"/>
              </a:rPr>
              <a:t>We can break genomes up into k-</a:t>
            </a:r>
            <a:r>
              <a:rPr lang="en-GB" err="1">
                <a:cs typeface="Arial"/>
              </a:rPr>
              <a:t>mers</a:t>
            </a:r>
            <a:r>
              <a:rPr lang="en-GB">
                <a:cs typeface="Arial"/>
              </a:rPr>
              <a:t> and compare them</a:t>
            </a:r>
          </a:p>
          <a:p>
            <a:pPr marL="197485" indent="-197485"/>
            <a:endParaRPr lang="en-GB">
              <a:cs typeface="Aria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15</a:t>
            </a:fld>
            <a:endParaRPr lang="en-GB"/>
          </a:p>
        </p:txBody>
      </p:sp>
      <p:sp>
        <p:nvSpPr>
          <p:cNvPr id="3" name="Oval 2">
            <a:extLst>
              <a:ext uri="{FF2B5EF4-FFF2-40B4-BE49-F238E27FC236}">
                <a16:creationId xmlns:a16="http://schemas.microsoft.com/office/drawing/2014/main" id="{626B1C0B-02CC-FE30-0E74-BFB32E45E5A9}"/>
              </a:ext>
            </a:extLst>
          </p:cNvPr>
          <p:cNvSpPr/>
          <p:nvPr/>
        </p:nvSpPr>
        <p:spPr bwMode="auto">
          <a:xfrm>
            <a:off x="401198" y="2945160"/>
            <a:ext cx="4397374" cy="2565295"/>
          </a:xfrm>
          <a:prstGeom prst="ellipse">
            <a:avLst/>
          </a:prstGeom>
          <a:solidFill>
            <a:schemeClr val="bg1"/>
          </a:solidFill>
          <a:ln w="57150" cap="flat" cmpd="sng" algn="ctr">
            <a:solidFill>
              <a:schemeClr val="accent1"/>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2" name="Oval 1">
            <a:extLst>
              <a:ext uri="{FF2B5EF4-FFF2-40B4-BE49-F238E27FC236}">
                <a16:creationId xmlns:a16="http://schemas.microsoft.com/office/drawing/2014/main" id="{E4AA5C3C-9842-D471-19B9-0AFB30301E6E}"/>
              </a:ext>
            </a:extLst>
          </p:cNvPr>
          <p:cNvSpPr/>
          <p:nvPr/>
        </p:nvSpPr>
        <p:spPr bwMode="auto">
          <a:xfrm>
            <a:off x="6685069" y="2837881"/>
            <a:ext cx="4397374" cy="2565295"/>
          </a:xfrm>
          <a:prstGeom prst="ellipse">
            <a:avLst/>
          </a:prstGeom>
          <a:solidFill>
            <a:schemeClr val="bg1"/>
          </a:solidFill>
          <a:ln w="57150" cap="flat" cmpd="sng" algn="ctr">
            <a:solidFill>
              <a:schemeClr val="accent1"/>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7" name="TextBox 6">
            <a:extLst>
              <a:ext uri="{FF2B5EF4-FFF2-40B4-BE49-F238E27FC236}">
                <a16:creationId xmlns:a16="http://schemas.microsoft.com/office/drawing/2014/main" id="{C5D4539E-624A-3C2B-BCC0-026BCCACB711}"/>
              </a:ext>
            </a:extLst>
          </p:cNvPr>
          <p:cNvSpPr txBox="1"/>
          <p:nvPr/>
        </p:nvSpPr>
        <p:spPr>
          <a:xfrm>
            <a:off x="1915541" y="4057058"/>
            <a:ext cx="2260199"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a:latin typeface="+mn-lt"/>
                <a:ea typeface="ＭＳ Ｐゴシック"/>
                <a:cs typeface="Arial"/>
              </a:rPr>
              <a:t>Genome A</a:t>
            </a:r>
            <a:endParaRPr lang="en-GB" err="1">
              <a:latin typeface="+mn-lt"/>
            </a:endParaRPr>
          </a:p>
        </p:txBody>
      </p:sp>
      <p:sp>
        <p:nvSpPr>
          <p:cNvPr id="8" name="TextBox 7">
            <a:extLst>
              <a:ext uri="{FF2B5EF4-FFF2-40B4-BE49-F238E27FC236}">
                <a16:creationId xmlns:a16="http://schemas.microsoft.com/office/drawing/2014/main" id="{0395129D-ADE4-B59E-5B01-DA8BDAE99523}"/>
              </a:ext>
            </a:extLst>
          </p:cNvPr>
          <p:cNvSpPr txBox="1"/>
          <p:nvPr/>
        </p:nvSpPr>
        <p:spPr>
          <a:xfrm>
            <a:off x="8312339" y="3932827"/>
            <a:ext cx="2260199"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a:latin typeface="+mn-lt"/>
                <a:ea typeface="ＭＳ Ｐゴシック"/>
                <a:cs typeface="Arial"/>
              </a:rPr>
              <a:t>Genome B</a:t>
            </a:r>
            <a:endParaRPr lang="en-GB" err="1">
              <a:latin typeface="+mn-lt"/>
            </a:endParaRPr>
          </a:p>
        </p:txBody>
      </p:sp>
      <p:pic>
        <p:nvPicPr>
          <p:cNvPr id="10" name="Picture 2" descr="Logo&#10;&#10;Description automatically generated">
            <a:extLst>
              <a:ext uri="{FF2B5EF4-FFF2-40B4-BE49-F238E27FC236}">
                <a16:creationId xmlns:a16="http://schemas.microsoft.com/office/drawing/2014/main" id="{6D2F2B68-3364-3621-88C4-36966C45D90C}"/>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73153735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D89D0CA-1762-3B72-18A8-2ED1A00119B7}"/>
              </a:ext>
            </a:extLst>
          </p:cNvPr>
          <p:cNvSpPr>
            <a:spLocks noGrp="1"/>
          </p:cNvSpPr>
          <p:nvPr>
            <p:ph type="sldNum" sz="quarter" idx="11"/>
          </p:nvPr>
        </p:nvSpPr>
        <p:spPr>
          <a:xfrm>
            <a:off x="11506450" y="7207959"/>
            <a:ext cx="432600" cy="316800"/>
          </a:xfrm>
        </p:spPr>
        <p:txBody>
          <a:bodyPr/>
          <a:lstStyle/>
          <a:p>
            <a:fld id="{103EA872-A674-449B-A120-B97244F8E91D}" type="slidenum">
              <a:rPr lang="en-GB" smtClean="0"/>
              <a:pPr/>
              <a:t>16</a:t>
            </a:fld>
            <a:endParaRPr lang="en-GB"/>
          </a:p>
        </p:txBody>
      </p:sp>
      <p:graphicFrame>
        <p:nvGraphicFramePr>
          <p:cNvPr id="53" name="Table 53">
            <a:extLst>
              <a:ext uri="{FF2B5EF4-FFF2-40B4-BE49-F238E27FC236}">
                <a16:creationId xmlns:a16="http://schemas.microsoft.com/office/drawing/2014/main" id="{A81BB2D7-3C22-C2AE-5745-28542CC892DF}"/>
              </a:ext>
            </a:extLst>
          </p:cNvPr>
          <p:cNvGraphicFramePr>
            <a:graphicFrameLocks noGrp="1"/>
          </p:cNvGraphicFramePr>
          <p:nvPr>
            <p:extLst>
              <p:ext uri="{D42A27DB-BD31-4B8C-83A1-F6EECF244321}">
                <p14:modId xmlns:p14="http://schemas.microsoft.com/office/powerpoint/2010/main" val="601403582"/>
              </p:ext>
            </p:extLst>
          </p:nvPr>
        </p:nvGraphicFramePr>
        <p:xfrm>
          <a:off x="497231" y="2801760"/>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54" name="Table 53">
            <a:extLst>
              <a:ext uri="{FF2B5EF4-FFF2-40B4-BE49-F238E27FC236}">
                <a16:creationId xmlns:a16="http://schemas.microsoft.com/office/drawing/2014/main" id="{8C360FF3-3EEE-FC9B-5CD2-4280C689A07D}"/>
              </a:ext>
            </a:extLst>
          </p:cNvPr>
          <p:cNvGraphicFramePr>
            <a:graphicFrameLocks noGrp="1"/>
          </p:cNvGraphicFramePr>
          <p:nvPr>
            <p:extLst>
              <p:ext uri="{D42A27DB-BD31-4B8C-83A1-F6EECF244321}">
                <p14:modId xmlns:p14="http://schemas.microsoft.com/office/powerpoint/2010/main" val="2127397622"/>
              </p:ext>
            </p:extLst>
          </p:nvPr>
        </p:nvGraphicFramePr>
        <p:xfrm>
          <a:off x="457708" y="2276344"/>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tc>
                <a:tc>
                  <a:txBody>
                    <a:bodyPr/>
                    <a:lstStyle/>
                    <a:p>
                      <a:pPr lvl="0">
                        <a:buNone/>
                      </a:pPr>
                      <a:r>
                        <a:rPr lang="en-GB"/>
                        <a:t>C</a:t>
                      </a:r>
                    </a:p>
                  </a:txBody>
                  <a:tcPr/>
                </a:tc>
                <a:tc>
                  <a:txBody>
                    <a:bodyPr/>
                    <a:lstStyle/>
                    <a:p>
                      <a:r>
                        <a:rPr lang="en-GB"/>
                        <a:t>T</a:t>
                      </a:r>
                    </a:p>
                  </a:txBody>
                  <a:tcPr/>
                </a:tc>
                <a:tc>
                  <a:txBody>
                    <a:bodyPr/>
                    <a:lstStyle/>
                    <a:p>
                      <a:r>
                        <a:rPr lang="en-GB"/>
                        <a:t>G</a:t>
                      </a:r>
                    </a:p>
                  </a:txBody>
                  <a:tcPr/>
                </a:tc>
                <a:tc>
                  <a:txBody>
                    <a:bodyPr/>
                    <a:lstStyle/>
                    <a:p>
                      <a:r>
                        <a:rPr lang="en-GB"/>
                        <a:t>A</a:t>
                      </a:r>
                    </a:p>
                  </a:txBody>
                  <a:tcPr/>
                </a:tc>
                <a:tc>
                  <a:txBody>
                    <a:bodyPr/>
                    <a:lstStyle/>
                    <a:p>
                      <a:r>
                        <a:rPr lang="en-GB"/>
                        <a:t>A</a:t>
                      </a:r>
                    </a:p>
                  </a:txBody>
                  <a:tcPr/>
                </a:tc>
                <a:tc>
                  <a:txBody>
                    <a:bodyPr/>
                    <a:lstStyle/>
                    <a:p>
                      <a:r>
                        <a:rPr lang="en-GB"/>
                        <a:t>C</a:t>
                      </a:r>
                    </a:p>
                  </a:txBody>
                  <a:tcPr/>
                </a:tc>
                <a:tc>
                  <a:txBody>
                    <a:bodyPr/>
                    <a:lstStyle/>
                    <a:p>
                      <a:r>
                        <a:rPr lang="en-GB"/>
                        <a:t>G</a:t>
                      </a:r>
                    </a:p>
                  </a:txBody>
                  <a:tcPr/>
                </a:tc>
                <a:tc>
                  <a:txBody>
                    <a:bodyPr/>
                    <a:lstStyle/>
                    <a:p>
                      <a:r>
                        <a:rPr lang="en-GB"/>
                        <a:t>T</a:t>
                      </a:r>
                    </a:p>
                  </a:txBody>
                  <a:tcPr/>
                </a:tc>
                <a:tc>
                  <a:txBody>
                    <a:bodyPr/>
                    <a:lstStyle/>
                    <a:p>
                      <a:r>
                        <a:rPr lang="en-GB"/>
                        <a:t>G</a:t>
                      </a:r>
                    </a:p>
                  </a:txBody>
                  <a:tcPr/>
                </a:tc>
                <a:extLst>
                  <a:ext uri="{0D108BD9-81ED-4DB2-BD59-A6C34878D82A}">
                    <a16:rowId xmlns:a16="http://schemas.microsoft.com/office/drawing/2014/main" val="4079507861"/>
                  </a:ext>
                </a:extLst>
              </a:tr>
            </a:tbl>
          </a:graphicData>
        </a:graphic>
      </p:graphicFrame>
      <p:graphicFrame>
        <p:nvGraphicFramePr>
          <p:cNvPr id="55" name="Table 53">
            <a:extLst>
              <a:ext uri="{FF2B5EF4-FFF2-40B4-BE49-F238E27FC236}">
                <a16:creationId xmlns:a16="http://schemas.microsoft.com/office/drawing/2014/main" id="{E44B76D7-89DA-A043-959A-CAA1502D06DF}"/>
              </a:ext>
            </a:extLst>
          </p:cNvPr>
          <p:cNvGraphicFramePr>
            <a:graphicFrameLocks noGrp="1"/>
          </p:cNvGraphicFramePr>
          <p:nvPr>
            <p:extLst>
              <p:ext uri="{D42A27DB-BD31-4B8C-83A1-F6EECF244321}">
                <p14:modId xmlns:p14="http://schemas.microsoft.com/office/powerpoint/2010/main" val="2351079389"/>
              </p:ext>
            </p:extLst>
          </p:nvPr>
        </p:nvGraphicFramePr>
        <p:xfrm>
          <a:off x="497334" y="3265263"/>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56" name="Table 53">
            <a:extLst>
              <a:ext uri="{FF2B5EF4-FFF2-40B4-BE49-F238E27FC236}">
                <a16:creationId xmlns:a16="http://schemas.microsoft.com/office/drawing/2014/main" id="{D05877DE-771A-A614-1CF7-560E3FB65459}"/>
              </a:ext>
            </a:extLst>
          </p:cNvPr>
          <p:cNvGraphicFramePr>
            <a:graphicFrameLocks noGrp="1"/>
          </p:cNvGraphicFramePr>
          <p:nvPr>
            <p:extLst>
              <p:ext uri="{D42A27DB-BD31-4B8C-83A1-F6EECF244321}">
                <p14:modId xmlns:p14="http://schemas.microsoft.com/office/powerpoint/2010/main" val="11409107"/>
              </p:ext>
            </p:extLst>
          </p:nvPr>
        </p:nvGraphicFramePr>
        <p:xfrm>
          <a:off x="503018" y="3711733"/>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57" name="Table 53">
            <a:extLst>
              <a:ext uri="{FF2B5EF4-FFF2-40B4-BE49-F238E27FC236}">
                <a16:creationId xmlns:a16="http://schemas.microsoft.com/office/drawing/2014/main" id="{84A410B5-E64D-90DD-E8F9-CDD0F1F35467}"/>
              </a:ext>
            </a:extLst>
          </p:cNvPr>
          <p:cNvGraphicFramePr>
            <a:graphicFrameLocks noGrp="1"/>
          </p:cNvGraphicFramePr>
          <p:nvPr>
            <p:extLst>
              <p:ext uri="{D42A27DB-BD31-4B8C-83A1-F6EECF244321}">
                <p14:modId xmlns:p14="http://schemas.microsoft.com/office/powerpoint/2010/main" val="2221414687"/>
              </p:ext>
            </p:extLst>
          </p:nvPr>
        </p:nvGraphicFramePr>
        <p:xfrm>
          <a:off x="508701" y="4192106"/>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58" name="Table 53">
            <a:extLst>
              <a:ext uri="{FF2B5EF4-FFF2-40B4-BE49-F238E27FC236}">
                <a16:creationId xmlns:a16="http://schemas.microsoft.com/office/drawing/2014/main" id="{B7C7311F-13F5-05BC-D57D-2E518B7597BA}"/>
              </a:ext>
            </a:extLst>
          </p:cNvPr>
          <p:cNvGraphicFramePr>
            <a:graphicFrameLocks noGrp="1"/>
          </p:cNvGraphicFramePr>
          <p:nvPr>
            <p:extLst>
              <p:ext uri="{D42A27DB-BD31-4B8C-83A1-F6EECF244321}">
                <p14:modId xmlns:p14="http://schemas.microsoft.com/office/powerpoint/2010/main" val="809813709"/>
              </p:ext>
            </p:extLst>
          </p:nvPr>
        </p:nvGraphicFramePr>
        <p:xfrm>
          <a:off x="525686" y="4706382"/>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pPr lvl="0">
                        <a:buNone/>
                      </a:pPr>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59" name="Table 53">
            <a:extLst>
              <a:ext uri="{FF2B5EF4-FFF2-40B4-BE49-F238E27FC236}">
                <a16:creationId xmlns:a16="http://schemas.microsoft.com/office/drawing/2014/main" id="{36A74517-B783-46C2-F697-72F1ABED800F}"/>
              </a:ext>
            </a:extLst>
          </p:cNvPr>
          <p:cNvGraphicFramePr>
            <a:graphicFrameLocks noGrp="1"/>
          </p:cNvGraphicFramePr>
          <p:nvPr>
            <p:extLst>
              <p:ext uri="{D42A27DB-BD31-4B8C-83A1-F6EECF244321}">
                <p14:modId xmlns:p14="http://schemas.microsoft.com/office/powerpoint/2010/main" val="3435913278"/>
              </p:ext>
            </p:extLst>
          </p:nvPr>
        </p:nvGraphicFramePr>
        <p:xfrm>
          <a:off x="542669" y="5198056"/>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sp>
        <p:nvSpPr>
          <p:cNvPr id="60" name="Rectangle 59">
            <a:extLst>
              <a:ext uri="{FF2B5EF4-FFF2-40B4-BE49-F238E27FC236}">
                <a16:creationId xmlns:a16="http://schemas.microsoft.com/office/drawing/2014/main" id="{A0465C95-7BFF-2193-1086-0DFA4BAFB3DE}"/>
              </a:ext>
            </a:extLst>
          </p:cNvPr>
          <p:cNvSpPr/>
          <p:nvPr/>
        </p:nvSpPr>
        <p:spPr bwMode="auto">
          <a:xfrm>
            <a:off x="2236148" y="2802284"/>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62" name="Rectangle 61">
            <a:extLst>
              <a:ext uri="{FF2B5EF4-FFF2-40B4-BE49-F238E27FC236}">
                <a16:creationId xmlns:a16="http://schemas.microsoft.com/office/drawing/2014/main" id="{088DCAF8-428B-AAF3-0CC5-652BE8F11533}"/>
              </a:ext>
            </a:extLst>
          </p:cNvPr>
          <p:cNvSpPr/>
          <p:nvPr/>
        </p:nvSpPr>
        <p:spPr bwMode="auto">
          <a:xfrm>
            <a:off x="2659868" y="3226152"/>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63" name="Rectangle 62">
            <a:extLst>
              <a:ext uri="{FF2B5EF4-FFF2-40B4-BE49-F238E27FC236}">
                <a16:creationId xmlns:a16="http://schemas.microsoft.com/office/drawing/2014/main" id="{1D60300F-DDBD-5D10-8F2F-4C4084FF03D1}"/>
              </a:ext>
            </a:extLst>
          </p:cNvPr>
          <p:cNvSpPr/>
          <p:nvPr/>
        </p:nvSpPr>
        <p:spPr bwMode="auto">
          <a:xfrm>
            <a:off x="3094857" y="3672622"/>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64" name="Rectangle 63">
            <a:extLst>
              <a:ext uri="{FF2B5EF4-FFF2-40B4-BE49-F238E27FC236}">
                <a16:creationId xmlns:a16="http://schemas.microsoft.com/office/drawing/2014/main" id="{F1666F2A-4425-395F-3838-F4E0B21E76E1}"/>
              </a:ext>
            </a:extLst>
          </p:cNvPr>
          <p:cNvSpPr/>
          <p:nvPr/>
        </p:nvSpPr>
        <p:spPr bwMode="auto">
          <a:xfrm>
            <a:off x="3541351" y="4119093"/>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65" name="Rectangle 64">
            <a:extLst>
              <a:ext uri="{FF2B5EF4-FFF2-40B4-BE49-F238E27FC236}">
                <a16:creationId xmlns:a16="http://schemas.microsoft.com/office/drawing/2014/main" id="{EBC2EE02-CDE4-6CFB-175E-F98421577A16}"/>
              </a:ext>
            </a:extLst>
          </p:cNvPr>
          <p:cNvSpPr/>
          <p:nvPr/>
        </p:nvSpPr>
        <p:spPr bwMode="auto">
          <a:xfrm>
            <a:off x="3964971" y="4712476"/>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66" name="Rectangle 65">
            <a:extLst>
              <a:ext uri="{FF2B5EF4-FFF2-40B4-BE49-F238E27FC236}">
                <a16:creationId xmlns:a16="http://schemas.microsoft.com/office/drawing/2014/main" id="{92D0B201-36DC-EA01-3BCB-6FC4CFBB49AB}"/>
              </a:ext>
            </a:extLst>
          </p:cNvPr>
          <p:cNvSpPr/>
          <p:nvPr/>
        </p:nvSpPr>
        <p:spPr bwMode="auto">
          <a:xfrm>
            <a:off x="4439418" y="5170247"/>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67" name="Table 53">
            <a:extLst>
              <a:ext uri="{FF2B5EF4-FFF2-40B4-BE49-F238E27FC236}">
                <a16:creationId xmlns:a16="http://schemas.microsoft.com/office/drawing/2014/main" id="{FC1F28A1-2D03-8DBB-5BA1-625C1946CE3E}"/>
              </a:ext>
            </a:extLst>
          </p:cNvPr>
          <p:cNvGraphicFramePr>
            <a:graphicFrameLocks noGrp="1"/>
          </p:cNvGraphicFramePr>
          <p:nvPr>
            <p:extLst>
              <p:ext uri="{D42A27DB-BD31-4B8C-83A1-F6EECF244321}">
                <p14:modId xmlns:p14="http://schemas.microsoft.com/office/powerpoint/2010/main" val="880501428"/>
              </p:ext>
            </p:extLst>
          </p:nvPr>
        </p:nvGraphicFramePr>
        <p:xfrm>
          <a:off x="548349" y="5712332"/>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sp>
        <p:nvSpPr>
          <p:cNvPr id="68" name="Rectangle 67">
            <a:extLst>
              <a:ext uri="{FF2B5EF4-FFF2-40B4-BE49-F238E27FC236}">
                <a16:creationId xmlns:a16="http://schemas.microsoft.com/office/drawing/2014/main" id="{7D87960F-B62C-FF99-D0A9-CB6C75323652}"/>
              </a:ext>
            </a:extLst>
          </p:cNvPr>
          <p:cNvSpPr/>
          <p:nvPr/>
        </p:nvSpPr>
        <p:spPr bwMode="auto">
          <a:xfrm>
            <a:off x="376134" y="3249159"/>
            <a:ext cx="541224"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69" name="Rectangle 68">
            <a:extLst>
              <a:ext uri="{FF2B5EF4-FFF2-40B4-BE49-F238E27FC236}">
                <a16:creationId xmlns:a16="http://schemas.microsoft.com/office/drawing/2014/main" id="{B692954D-E1BC-AB9B-69B5-030F5D0BC4C2}"/>
              </a:ext>
            </a:extLst>
          </p:cNvPr>
          <p:cNvSpPr/>
          <p:nvPr/>
        </p:nvSpPr>
        <p:spPr bwMode="auto">
          <a:xfrm>
            <a:off x="460940" y="3684322"/>
            <a:ext cx="903091"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70" name="Rectangle 69">
            <a:extLst>
              <a:ext uri="{FF2B5EF4-FFF2-40B4-BE49-F238E27FC236}">
                <a16:creationId xmlns:a16="http://schemas.microsoft.com/office/drawing/2014/main" id="{54E69DAA-8393-B9B9-9A2F-4DE74C88940E}"/>
              </a:ext>
            </a:extLst>
          </p:cNvPr>
          <p:cNvSpPr/>
          <p:nvPr/>
        </p:nvSpPr>
        <p:spPr bwMode="auto">
          <a:xfrm>
            <a:off x="461010" y="4113845"/>
            <a:ext cx="1366733" cy="43383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71" name="Rectangle 70">
            <a:extLst>
              <a:ext uri="{FF2B5EF4-FFF2-40B4-BE49-F238E27FC236}">
                <a16:creationId xmlns:a16="http://schemas.microsoft.com/office/drawing/2014/main" id="{E5A5FAC9-F23A-04F1-30E8-7C9018F53F5F}"/>
              </a:ext>
            </a:extLst>
          </p:cNvPr>
          <p:cNvSpPr/>
          <p:nvPr/>
        </p:nvSpPr>
        <p:spPr bwMode="auto">
          <a:xfrm>
            <a:off x="376281" y="4662024"/>
            <a:ext cx="1869955" cy="43383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72" name="Rectangle 71">
            <a:extLst>
              <a:ext uri="{FF2B5EF4-FFF2-40B4-BE49-F238E27FC236}">
                <a16:creationId xmlns:a16="http://schemas.microsoft.com/office/drawing/2014/main" id="{1CE1C992-9AAC-2924-3E58-2CCAC1645A5D}"/>
              </a:ext>
            </a:extLst>
          </p:cNvPr>
          <p:cNvSpPr/>
          <p:nvPr/>
        </p:nvSpPr>
        <p:spPr bwMode="auto">
          <a:xfrm>
            <a:off x="427181" y="5170649"/>
            <a:ext cx="2277055"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73" name="Rectangle 72">
            <a:extLst>
              <a:ext uri="{FF2B5EF4-FFF2-40B4-BE49-F238E27FC236}">
                <a16:creationId xmlns:a16="http://schemas.microsoft.com/office/drawing/2014/main" id="{FC59E1F6-E50E-E909-046D-FD1F69EAA9E5}"/>
              </a:ext>
            </a:extLst>
          </p:cNvPr>
          <p:cNvSpPr/>
          <p:nvPr/>
        </p:nvSpPr>
        <p:spPr bwMode="auto">
          <a:xfrm>
            <a:off x="461157" y="5690577"/>
            <a:ext cx="2695465" cy="43383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74" name="Table 53">
            <a:extLst>
              <a:ext uri="{FF2B5EF4-FFF2-40B4-BE49-F238E27FC236}">
                <a16:creationId xmlns:a16="http://schemas.microsoft.com/office/drawing/2014/main" id="{4DBBB291-4C66-1875-9963-EC9B95F57EDE}"/>
              </a:ext>
            </a:extLst>
          </p:cNvPr>
          <p:cNvGraphicFramePr>
            <a:graphicFrameLocks noGrp="1"/>
          </p:cNvGraphicFramePr>
          <p:nvPr>
            <p:extLst>
              <p:ext uri="{D42A27DB-BD31-4B8C-83A1-F6EECF244321}">
                <p14:modId xmlns:p14="http://schemas.microsoft.com/office/powerpoint/2010/main" val="2949143099"/>
              </p:ext>
            </p:extLst>
          </p:nvPr>
        </p:nvGraphicFramePr>
        <p:xfrm>
          <a:off x="7114548" y="2796191"/>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75" name="Table 74">
            <a:extLst>
              <a:ext uri="{FF2B5EF4-FFF2-40B4-BE49-F238E27FC236}">
                <a16:creationId xmlns:a16="http://schemas.microsoft.com/office/drawing/2014/main" id="{3F235245-8AC3-2927-E3A5-7B9D0DF920E9}"/>
              </a:ext>
            </a:extLst>
          </p:cNvPr>
          <p:cNvGraphicFramePr>
            <a:graphicFrameLocks noGrp="1"/>
          </p:cNvGraphicFramePr>
          <p:nvPr>
            <p:extLst>
              <p:ext uri="{D42A27DB-BD31-4B8C-83A1-F6EECF244321}">
                <p14:modId xmlns:p14="http://schemas.microsoft.com/office/powerpoint/2010/main" val="2949288641"/>
              </p:ext>
            </p:extLst>
          </p:nvPr>
        </p:nvGraphicFramePr>
        <p:xfrm>
          <a:off x="7075025" y="2270775"/>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tc>
                <a:tc>
                  <a:txBody>
                    <a:bodyPr/>
                    <a:lstStyle/>
                    <a:p>
                      <a:pPr lvl="0">
                        <a:buNone/>
                      </a:pPr>
                      <a:r>
                        <a:rPr lang="en-GB"/>
                        <a:t>C</a:t>
                      </a:r>
                    </a:p>
                  </a:txBody>
                  <a:tcPr/>
                </a:tc>
                <a:tc>
                  <a:txBody>
                    <a:bodyPr/>
                    <a:lstStyle/>
                    <a:p>
                      <a:r>
                        <a:rPr lang="en-GB"/>
                        <a:t>T</a:t>
                      </a:r>
                    </a:p>
                  </a:txBody>
                  <a:tcPr/>
                </a:tc>
                <a:tc>
                  <a:txBody>
                    <a:bodyPr/>
                    <a:lstStyle/>
                    <a:p>
                      <a:r>
                        <a:rPr lang="en-GB"/>
                        <a:t>G</a:t>
                      </a:r>
                    </a:p>
                  </a:txBody>
                  <a:tcPr/>
                </a:tc>
                <a:tc>
                  <a:txBody>
                    <a:bodyPr/>
                    <a:lstStyle/>
                    <a:p>
                      <a:r>
                        <a:rPr lang="en-GB"/>
                        <a:t>A</a:t>
                      </a:r>
                    </a:p>
                  </a:txBody>
                  <a:tcPr/>
                </a:tc>
                <a:tc>
                  <a:txBody>
                    <a:bodyPr/>
                    <a:lstStyle/>
                    <a:p>
                      <a:r>
                        <a:rPr lang="en-GB"/>
                        <a:t>A</a:t>
                      </a:r>
                    </a:p>
                  </a:txBody>
                  <a:tcPr/>
                </a:tc>
                <a:tc>
                  <a:txBody>
                    <a:bodyPr/>
                    <a:lstStyle/>
                    <a:p>
                      <a:r>
                        <a:rPr lang="en-GB"/>
                        <a:t>C</a:t>
                      </a:r>
                    </a:p>
                  </a:txBody>
                  <a:tcPr/>
                </a:tc>
                <a:tc>
                  <a:txBody>
                    <a:bodyPr/>
                    <a:lstStyle/>
                    <a:p>
                      <a:r>
                        <a:rPr lang="en-GB"/>
                        <a:t>G</a:t>
                      </a:r>
                    </a:p>
                  </a:txBody>
                  <a:tcPr/>
                </a:tc>
                <a:tc>
                  <a:txBody>
                    <a:bodyPr/>
                    <a:lstStyle/>
                    <a:p>
                      <a:r>
                        <a:rPr lang="en-GB"/>
                        <a:t>T</a:t>
                      </a:r>
                    </a:p>
                  </a:txBody>
                  <a:tcPr/>
                </a:tc>
                <a:tc>
                  <a:txBody>
                    <a:bodyPr/>
                    <a:lstStyle/>
                    <a:p>
                      <a:r>
                        <a:rPr lang="en-GB"/>
                        <a:t>A</a:t>
                      </a:r>
                    </a:p>
                  </a:txBody>
                  <a:tcPr/>
                </a:tc>
                <a:extLst>
                  <a:ext uri="{0D108BD9-81ED-4DB2-BD59-A6C34878D82A}">
                    <a16:rowId xmlns:a16="http://schemas.microsoft.com/office/drawing/2014/main" val="4079507861"/>
                  </a:ext>
                </a:extLst>
              </a:tr>
            </a:tbl>
          </a:graphicData>
        </a:graphic>
      </p:graphicFrame>
      <p:graphicFrame>
        <p:nvGraphicFramePr>
          <p:cNvPr id="76" name="Table 53">
            <a:extLst>
              <a:ext uri="{FF2B5EF4-FFF2-40B4-BE49-F238E27FC236}">
                <a16:creationId xmlns:a16="http://schemas.microsoft.com/office/drawing/2014/main" id="{09721943-63BB-180F-85CF-2F46CDC4A9B2}"/>
              </a:ext>
            </a:extLst>
          </p:cNvPr>
          <p:cNvGraphicFramePr>
            <a:graphicFrameLocks noGrp="1"/>
          </p:cNvGraphicFramePr>
          <p:nvPr>
            <p:extLst>
              <p:ext uri="{D42A27DB-BD31-4B8C-83A1-F6EECF244321}">
                <p14:modId xmlns:p14="http://schemas.microsoft.com/office/powerpoint/2010/main" val="1304141910"/>
              </p:ext>
            </p:extLst>
          </p:nvPr>
        </p:nvGraphicFramePr>
        <p:xfrm>
          <a:off x="7114651" y="3259694"/>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77" name="Table 53">
            <a:extLst>
              <a:ext uri="{FF2B5EF4-FFF2-40B4-BE49-F238E27FC236}">
                <a16:creationId xmlns:a16="http://schemas.microsoft.com/office/drawing/2014/main" id="{F43B1E40-9410-5180-8848-88319A54BD23}"/>
              </a:ext>
            </a:extLst>
          </p:cNvPr>
          <p:cNvGraphicFramePr>
            <a:graphicFrameLocks noGrp="1"/>
          </p:cNvGraphicFramePr>
          <p:nvPr>
            <p:extLst>
              <p:ext uri="{D42A27DB-BD31-4B8C-83A1-F6EECF244321}">
                <p14:modId xmlns:p14="http://schemas.microsoft.com/office/powerpoint/2010/main" val="660909004"/>
              </p:ext>
            </p:extLst>
          </p:nvPr>
        </p:nvGraphicFramePr>
        <p:xfrm>
          <a:off x="7120335" y="3706164"/>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78" name="Table 53">
            <a:extLst>
              <a:ext uri="{FF2B5EF4-FFF2-40B4-BE49-F238E27FC236}">
                <a16:creationId xmlns:a16="http://schemas.microsoft.com/office/drawing/2014/main" id="{0F00200E-9869-AAD1-6C34-4BA5F39A08D0}"/>
              </a:ext>
            </a:extLst>
          </p:cNvPr>
          <p:cNvGraphicFramePr>
            <a:graphicFrameLocks noGrp="1"/>
          </p:cNvGraphicFramePr>
          <p:nvPr>
            <p:extLst>
              <p:ext uri="{D42A27DB-BD31-4B8C-83A1-F6EECF244321}">
                <p14:modId xmlns:p14="http://schemas.microsoft.com/office/powerpoint/2010/main" val="1278899658"/>
              </p:ext>
            </p:extLst>
          </p:nvPr>
        </p:nvGraphicFramePr>
        <p:xfrm>
          <a:off x="7126018" y="4186537"/>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79" name="Table 53">
            <a:extLst>
              <a:ext uri="{FF2B5EF4-FFF2-40B4-BE49-F238E27FC236}">
                <a16:creationId xmlns:a16="http://schemas.microsoft.com/office/drawing/2014/main" id="{D50634BF-C17B-2720-09E3-D202907BF635}"/>
              </a:ext>
            </a:extLst>
          </p:cNvPr>
          <p:cNvGraphicFramePr>
            <a:graphicFrameLocks noGrp="1"/>
          </p:cNvGraphicFramePr>
          <p:nvPr>
            <p:extLst>
              <p:ext uri="{D42A27DB-BD31-4B8C-83A1-F6EECF244321}">
                <p14:modId xmlns:p14="http://schemas.microsoft.com/office/powerpoint/2010/main" val="1533876021"/>
              </p:ext>
            </p:extLst>
          </p:nvPr>
        </p:nvGraphicFramePr>
        <p:xfrm>
          <a:off x="7143003" y="4700813"/>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pPr lvl="0">
                        <a:buNone/>
                      </a:pPr>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graphicFrame>
        <p:nvGraphicFramePr>
          <p:cNvPr id="80" name="Table 53">
            <a:extLst>
              <a:ext uri="{FF2B5EF4-FFF2-40B4-BE49-F238E27FC236}">
                <a16:creationId xmlns:a16="http://schemas.microsoft.com/office/drawing/2014/main" id="{912BF6D5-2104-1D17-C94E-592906A37D9E}"/>
              </a:ext>
            </a:extLst>
          </p:cNvPr>
          <p:cNvGraphicFramePr>
            <a:graphicFrameLocks noGrp="1"/>
          </p:cNvGraphicFramePr>
          <p:nvPr>
            <p:extLst>
              <p:ext uri="{D42A27DB-BD31-4B8C-83A1-F6EECF244321}">
                <p14:modId xmlns:p14="http://schemas.microsoft.com/office/powerpoint/2010/main" val="2084944756"/>
              </p:ext>
            </p:extLst>
          </p:nvPr>
        </p:nvGraphicFramePr>
        <p:xfrm>
          <a:off x="7159986" y="5192487"/>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sp>
        <p:nvSpPr>
          <p:cNvPr id="81" name="Rectangle 80">
            <a:extLst>
              <a:ext uri="{FF2B5EF4-FFF2-40B4-BE49-F238E27FC236}">
                <a16:creationId xmlns:a16="http://schemas.microsoft.com/office/drawing/2014/main" id="{C8FF91B1-5EF1-6F3A-509E-73A454880236}"/>
              </a:ext>
            </a:extLst>
          </p:cNvPr>
          <p:cNvSpPr/>
          <p:nvPr/>
        </p:nvSpPr>
        <p:spPr bwMode="auto">
          <a:xfrm>
            <a:off x="8853465" y="2796715"/>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82" name="Rectangle 81">
            <a:extLst>
              <a:ext uri="{FF2B5EF4-FFF2-40B4-BE49-F238E27FC236}">
                <a16:creationId xmlns:a16="http://schemas.microsoft.com/office/drawing/2014/main" id="{5D67E3D0-8D4B-DD20-6895-ED94292E19D6}"/>
              </a:ext>
            </a:extLst>
          </p:cNvPr>
          <p:cNvSpPr/>
          <p:nvPr/>
        </p:nvSpPr>
        <p:spPr bwMode="auto">
          <a:xfrm>
            <a:off x="9277185" y="3220583"/>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83" name="Rectangle 82">
            <a:extLst>
              <a:ext uri="{FF2B5EF4-FFF2-40B4-BE49-F238E27FC236}">
                <a16:creationId xmlns:a16="http://schemas.microsoft.com/office/drawing/2014/main" id="{E14B4000-39B3-BA60-728E-05DA9E5A88C3}"/>
              </a:ext>
            </a:extLst>
          </p:cNvPr>
          <p:cNvSpPr/>
          <p:nvPr/>
        </p:nvSpPr>
        <p:spPr bwMode="auto">
          <a:xfrm>
            <a:off x="9712174" y="3667053"/>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84" name="Rectangle 83">
            <a:extLst>
              <a:ext uri="{FF2B5EF4-FFF2-40B4-BE49-F238E27FC236}">
                <a16:creationId xmlns:a16="http://schemas.microsoft.com/office/drawing/2014/main" id="{157318ED-E4D6-DDE7-E593-1AFA564DC1D9}"/>
              </a:ext>
            </a:extLst>
          </p:cNvPr>
          <p:cNvSpPr/>
          <p:nvPr/>
        </p:nvSpPr>
        <p:spPr bwMode="auto">
          <a:xfrm>
            <a:off x="10158668" y="4113524"/>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85" name="Rectangle 84">
            <a:extLst>
              <a:ext uri="{FF2B5EF4-FFF2-40B4-BE49-F238E27FC236}">
                <a16:creationId xmlns:a16="http://schemas.microsoft.com/office/drawing/2014/main" id="{54953AB2-5950-245E-07C2-E730DCAFEFDB}"/>
              </a:ext>
            </a:extLst>
          </p:cNvPr>
          <p:cNvSpPr/>
          <p:nvPr/>
        </p:nvSpPr>
        <p:spPr bwMode="auto">
          <a:xfrm>
            <a:off x="10582288" y="4706907"/>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86" name="Rectangle 85">
            <a:extLst>
              <a:ext uri="{FF2B5EF4-FFF2-40B4-BE49-F238E27FC236}">
                <a16:creationId xmlns:a16="http://schemas.microsoft.com/office/drawing/2014/main" id="{827DF3B8-B0D9-0E35-E351-828C74F86613}"/>
              </a:ext>
            </a:extLst>
          </p:cNvPr>
          <p:cNvSpPr/>
          <p:nvPr/>
        </p:nvSpPr>
        <p:spPr bwMode="auto">
          <a:xfrm>
            <a:off x="11056735" y="5164678"/>
            <a:ext cx="2689812"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graphicFrame>
        <p:nvGraphicFramePr>
          <p:cNvPr id="87" name="Table 53">
            <a:extLst>
              <a:ext uri="{FF2B5EF4-FFF2-40B4-BE49-F238E27FC236}">
                <a16:creationId xmlns:a16="http://schemas.microsoft.com/office/drawing/2014/main" id="{AFA19E5F-BFF3-3837-002C-DDEDDA91287C}"/>
              </a:ext>
            </a:extLst>
          </p:cNvPr>
          <p:cNvGraphicFramePr>
            <a:graphicFrameLocks noGrp="1"/>
          </p:cNvGraphicFramePr>
          <p:nvPr>
            <p:extLst>
              <p:ext uri="{D42A27DB-BD31-4B8C-83A1-F6EECF244321}">
                <p14:modId xmlns:p14="http://schemas.microsoft.com/office/powerpoint/2010/main" val="232558383"/>
              </p:ext>
            </p:extLst>
          </p:nvPr>
        </p:nvGraphicFramePr>
        <p:xfrm>
          <a:off x="7165666" y="5706763"/>
          <a:ext cx="4322480" cy="365760"/>
        </p:xfrm>
        <a:graphic>
          <a:graphicData uri="http://schemas.openxmlformats.org/drawingml/2006/table">
            <a:tbl>
              <a:tblPr firstRow="1" bandRow="1">
                <a:tableStyleId>{5C22544A-7EE6-4342-B048-85BDC9FD1C3A}</a:tableStyleId>
              </a:tblPr>
              <a:tblGrid>
                <a:gridCol w="432248">
                  <a:extLst>
                    <a:ext uri="{9D8B030D-6E8A-4147-A177-3AD203B41FA5}">
                      <a16:colId xmlns:a16="http://schemas.microsoft.com/office/drawing/2014/main" val="3085342017"/>
                    </a:ext>
                  </a:extLst>
                </a:gridCol>
                <a:gridCol w="432248">
                  <a:extLst>
                    <a:ext uri="{9D8B030D-6E8A-4147-A177-3AD203B41FA5}">
                      <a16:colId xmlns:a16="http://schemas.microsoft.com/office/drawing/2014/main" val="4035000334"/>
                    </a:ext>
                  </a:extLst>
                </a:gridCol>
                <a:gridCol w="432248">
                  <a:extLst>
                    <a:ext uri="{9D8B030D-6E8A-4147-A177-3AD203B41FA5}">
                      <a16:colId xmlns:a16="http://schemas.microsoft.com/office/drawing/2014/main" val="1361688469"/>
                    </a:ext>
                  </a:extLst>
                </a:gridCol>
                <a:gridCol w="432248">
                  <a:extLst>
                    <a:ext uri="{9D8B030D-6E8A-4147-A177-3AD203B41FA5}">
                      <a16:colId xmlns:a16="http://schemas.microsoft.com/office/drawing/2014/main" val="2135375737"/>
                    </a:ext>
                  </a:extLst>
                </a:gridCol>
                <a:gridCol w="432248">
                  <a:extLst>
                    <a:ext uri="{9D8B030D-6E8A-4147-A177-3AD203B41FA5}">
                      <a16:colId xmlns:a16="http://schemas.microsoft.com/office/drawing/2014/main" val="3023508400"/>
                    </a:ext>
                  </a:extLst>
                </a:gridCol>
                <a:gridCol w="432248">
                  <a:extLst>
                    <a:ext uri="{9D8B030D-6E8A-4147-A177-3AD203B41FA5}">
                      <a16:colId xmlns:a16="http://schemas.microsoft.com/office/drawing/2014/main" val="2514830224"/>
                    </a:ext>
                  </a:extLst>
                </a:gridCol>
                <a:gridCol w="432248">
                  <a:extLst>
                    <a:ext uri="{9D8B030D-6E8A-4147-A177-3AD203B41FA5}">
                      <a16:colId xmlns:a16="http://schemas.microsoft.com/office/drawing/2014/main" val="1566918593"/>
                    </a:ext>
                  </a:extLst>
                </a:gridCol>
                <a:gridCol w="432248">
                  <a:extLst>
                    <a:ext uri="{9D8B030D-6E8A-4147-A177-3AD203B41FA5}">
                      <a16:colId xmlns:a16="http://schemas.microsoft.com/office/drawing/2014/main" val="4112713624"/>
                    </a:ext>
                  </a:extLst>
                </a:gridCol>
                <a:gridCol w="432248">
                  <a:extLst>
                    <a:ext uri="{9D8B030D-6E8A-4147-A177-3AD203B41FA5}">
                      <a16:colId xmlns:a16="http://schemas.microsoft.com/office/drawing/2014/main" val="3275716320"/>
                    </a:ext>
                  </a:extLst>
                </a:gridCol>
                <a:gridCol w="432248">
                  <a:extLst>
                    <a:ext uri="{9D8B030D-6E8A-4147-A177-3AD203B41FA5}">
                      <a16:colId xmlns:a16="http://schemas.microsoft.com/office/drawing/2014/main" val="2474163484"/>
                    </a:ext>
                  </a:extLst>
                </a:gridCol>
              </a:tblGrid>
              <a:tr h="361559">
                <a:tc>
                  <a:txBody>
                    <a:bodyPr/>
                    <a:lstStyle/>
                    <a:p>
                      <a:pPr lvl="0">
                        <a:buNone/>
                      </a:pPr>
                      <a:r>
                        <a:rPr lang="en-GB"/>
                        <a:t>A</a:t>
                      </a:r>
                      <a:endParaRPr lang="en-US"/>
                    </a:p>
                  </a:txBody>
                  <a:tcPr>
                    <a:solidFill>
                      <a:schemeClr val="tx2">
                        <a:lumMod val="60000"/>
                        <a:lumOff val="40000"/>
                      </a:schemeClr>
                    </a:solidFill>
                  </a:tcPr>
                </a:tc>
                <a:tc>
                  <a:txBody>
                    <a:bodyPr/>
                    <a:lstStyle/>
                    <a:p>
                      <a:pPr lvl="0">
                        <a:buNone/>
                      </a:pPr>
                      <a:r>
                        <a:rPr lang="en-GB"/>
                        <a:t>C</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tc>
                  <a:txBody>
                    <a:bodyPr/>
                    <a:lstStyle/>
                    <a:p>
                      <a:r>
                        <a:rPr lang="en-GB"/>
                        <a:t>C</a:t>
                      </a:r>
                    </a:p>
                  </a:txBody>
                  <a:tcPr>
                    <a:solidFill>
                      <a:schemeClr val="tx2">
                        <a:lumMod val="60000"/>
                        <a:lumOff val="40000"/>
                      </a:schemeClr>
                    </a:solidFill>
                  </a:tcPr>
                </a:tc>
                <a:tc>
                  <a:txBody>
                    <a:bodyPr/>
                    <a:lstStyle/>
                    <a:p>
                      <a:r>
                        <a:rPr lang="en-GB"/>
                        <a:t>G</a:t>
                      </a:r>
                    </a:p>
                  </a:txBody>
                  <a:tcPr>
                    <a:solidFill>
                      <a:schemeClr val="tx2">
                        <a:lumMod val="60000"/>
                        <a:lumOff val="40000"/>
                      </a:schemeClr>
                    </a:solidFill>
                  </a:tcPr>
                </a:tc>
                <a:tc>
                  <a:txBody>
                    <a:bodyPr/>
                    <a:lstStyle/>
                    <a:p>
                      <a:r>
                        <a:rPr lang="en-GB"/>
                        <a:t>T</a:t>
                      </a:r>
                    </a:p>
                  </a:txBody>
                  <a:tcPr>
                    <a:solidFill>
                      <a:schemeClr val="tx2">
                        <a:lumMod val="60000"/>
                        <a:lumOff val="40000"/>
                      </a:schemeClr>
                    </a:solidFill>
                  </a:tcPr>
                </a:tc>
                <a:tc>
                  <a:txBody>
                    <a:bodyPr/>
                    <a:lstStyle/>
                    <a:p>
                      <a:r>
                        <a:rPr lang="en-GB"/>
                        <a:t>A</a:t>
                      </a:r>
                    </a:p>
                  </a:txBody>
                  <a:tcPr>
                    <a:solidFill>
                      <a:schemeClr val="tx2">
                        <a:lumMod val="60000"/>
                        <a:lumOff val="40000"/>
                      </a:schemeClr>
                    </a:solidFill>
                  </a:tcPr>
                </a:tc>
                <a:extLst>
                  <a:ext uri="{0D108BD9-81ED-4DB2-BD59-A6C34878D82A}">
                    <a16:rowId xmlns:a16="http://schemas.microsoft.com/office/drawing/2014/main" val="4079507861"/>
                  </a:ext>
                </a:extLst>
              </a:tr>
            </a:tbl>
          </a:graphicData>
        </a:graphic>
      </p:graphicFrame>
      <p:sp>
        <p:nvSpPr>
          <p:cNvPr id="88" name="Rectangle 87">
            <a:extLst>
              <a:ext uri="{FF2B5EF4-FFF2-40B4-BE49-F238E27FC236}">
                <a16:creationId xmlns:a16="http://schemas.microsoft.com/office/drawing/2014/main" id="{6CCAF23A-7C73-070A-3FD2-998261045C26}"/>
              </a:ext>
            </a:extLst>
          </p:cNvPr>
          <p:cNvSpPr/>
          <p:nvPr/>
        </p:nvSpPr>
        <p:spPr bwMode="auto">
          <a:xfrm>
            <a:off x="6993451" y="3243590"/>
            <a:ext cx="541224"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89" name="Rectangle 88">
            <a:extLst>
              <a:ext uri="{FF2B5EF4-FFF2-40B4-BE49-F238E27FC236}">
                <a16:creationId xmlns:a16="http://schemas.microsoft.com/office/drawing/2014/main" id="{EC0565F1-D9BF-920E-9FF6-65A539804ECC}"/>
              </a:ext>
            </a:extLst>
          </p:cNvPr>
          <p:cNvSpPr/>
          <p:nvPr/>
        </p:nvSpPr>
        <p:spPr bwMode="auto">
          <a:xfrm>
            <a:off x="7078257" y="3678753"/>
            <a:ext cx="903091"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90" name="Rectangle 89">
            <a:extLst>
              <a:ext uri="{FF2B5EF4-FFF2-40B4-BE49-F238E27FC236}">
                <a16:creationId xmlns:a16="http://schemas.microsoft.com/office/drawing/2014/main" id="{A878E61D-6A63-2F6B-C9E5-CE3E9904845B}"/>
              </a:ext>
            </a:extLst>
          </p:cNvPr>
          <p:cNvSpPr/>
          <p:nvPr/>
        </p:nvSpPr>
        <p:spPr bwMode="auto">
          <a:xfrm>
            <a:off x="7078327" y="4108276"/>
            <a:ext cx="1366733" cy="43383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91" name="Rectangle 90">
            <a:extLst>
              <a:ext uri="{FF2B5EF4-FFF2-40B4-BE49-F238E27FC236}">
                <a16:creationId xmlns:a16="http://schemas.microsoft.com/office/drawing/2014/main" id="{1341C77A-4FDC-4DF8-63BB-3F904D1C2D5B}"/>
              </a:ext>
            </a:extLst>
          </p:cNvPr>
          <p:cNvSpPr/>
          <p:nvPr/>
        </p:nvSpPr>
        <p:spPr bwMode="auto">
          <a:xfrm>
            <a:off x="6993598" y="4656455"/>
            <a:ext cx="1869955" cy="43383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92" name="Rectangle 91">
            <a:extLst>
              <a:ext uri="{FF2B5EF4-FFF2-40B4-BE49-F238E27FC236}">
                <a16:creationId xmlns:a16="http://schemas.microsoft.com/office/drawing/2014/main" id="{10EB31F8-CAEC-4DB8-D4F0-6E9163E99392}"/>
              </a:ext>
            </a:extLst>
          </p:cNvPr>
          <p:cNvSpPr/>
          <p:nvPr/>
        </p:nvSpPr>
        <p:spPr bwMode="auto">
          <a:xfrm>
            <a:off x="7044498" y="5165080"/>
            <a:ext cx="2277055" cy="428177"/>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93" name="Rectangle 92">
            <a:extLst>
              <a:ext uri="{FF2B5EF4-FFF2-40B4-BE49-F238E27FC236}">
                <a16:creationId xmlns:a16="http://schemas.microsoft.com/office/drawing/2014/main" id="{1ED4312A-DBB4-DADE-912E-0BB96BD96097}"/>
              </a:ext>
            </a:extLst>
          </p:cNvPr>
          <p:cNvSpPr/>
          <p:nvPr/>
        </p:nvSpPr>
        <p:spPr bwMode="auto">
          <a:xfrm>
            <a:off x="7078474" y="5685008"/>
            <a:ext cx="2695465" cy="433830"/>
          </a:xfrm>
          <a:prstGeom prst="rect">
            <a:avLst/>
          </a:prstGeom>
          <a:solidFill>
            <a:schemeClr val="bg1"/>
          </a:solidFill>
          <a:ln w="9525" cap="flat" cmpd="sng" algn="ctr">
            <a:solidFill>
              <a:schemeClr val="bg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94" name="Flowchart: Magnetic Disk 93">
            <a:extLst>
              <a:ext uri="{FF2B5EF4-FFF2-40B4-BE49-F238E27FC236}">
                <a16:creationId xmlns:a16="http://schemas.microsoft.com/office/drawing/2014/main" id="{F1121975-CA8B-C384-228C-C6A74A97F247}"/>
              </a:ext>
            </a:extLst>
          </p:cNvPr>
          <p:cNvSpPr/>
          <p:nvPr/>
        </p:nvSpPr>
        <p:spPr bwMode="auto">
          <a:xfrm>
            <a:off x="5310252" y="3280889"/>
            <a:ext cx="1298884" cy="1291097"/>
          </a:xfrm>
          <a:prstGeom prst="flowChartMagneticDisk">
            <a:avLst/>
          </a:prstGeom>
          <a:solidFill>
            <a:schemeClr val="tx2">
              <a:lumMod val="20000"/>
              <a:lumOff val="80000"/>
            </a:schemeClr>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95" name="TextBox 94">
            <a:extLst>
              <a:ext uri="{FF2B5EF4-FFF2-40B4-BE49-F238E27FC236}">
                <a16:creationId xmlns:a16="http://schemas.microsoft.com/office/drawing/2014/main" id="{4C89AAC6-23AE-2CC8-9527-8FE10CC59391}"/>
              </a:ext>
            </a:extLst>
          </p:cNvPr>
          <p:cNvSpPr txBox="1"/>
          <p:nvPr/>
        </p:nvSpPr>
        <p:spPr>
          <a:xfrm>
            <a:off x="5627891" y="3831038"/>
            <a:ext cx="1639034" cy="543739"/>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err="1">
                <a:latin typeface="+mn-lt"/>
                <a:ea typeface="ＭＳ Ｐゴシック"/>
                <a:cs typeface="Arial"/>
              </a:rPr>
              <a:t>Kmer</a:t>
            </a:r>
            <a:r>
              <a:rPr lang="en-GB">
                <a:latin typeface="+mn-lt"/>
                <a:ea typeface="ＭＳ Ｐゴシック"/>
                <a:cs typeface="Arial"/>
              </a:rPr>
              <a:t> </a:t>
            </a:r>
            <a:endParaRPr lang="en-GB" err="1">
              <a:latin typeface="+mn-lt"/>
              <a:cs typeface="Arial"/>
            </a:endParaRPr>
          </a:p>
          <a:p>
            <a:pPr>
              <a:spcBef>
                <a:spcPts val="432"/>
              </a:spcBef>
            </a:pPr>
            <a:r>
              <a:rPr lang="en-GB">
                <a:latin typeface="+mn-lt"/>
                <a:ea typeface="ＭＳ Ｐゴシック"/>
                <a:cs typeface="Arial"/>
              </a:rPr>
              <a:t>database</a:t>
            </a:r>
            <a:endParaRPr lang="en-GB">
              <a:latin typeface="+mn-lt"/>
              <a:cs typeface="Arial"/>
            </a:endParaRPr>
          </a:p>
        </p:txBody>
      </p:sp>
      <p:sp>
        <p:nvSpPr>
          <p:cNvPr id="97" name="Title 4">
            <a:extLst>
              <a:ext uri="{FF2B5EF4-FFF2-40B4-BE49-F238E27FC236}">
                <a16:creationId xmlns:a16="http://schemas.microsoft.com/office/drawing/2014/main" id="{249F4F5D-62BD-C923-6D56-E5193D8A8342}"/>
              </a:ext>
            </a:extLst>
          </p:cNvPr>
          <p:cNvSpPr>
            <a:spLocks noGrp="1"/>
          </p:cNvSpPr>
          <p:nvPr>
            <p:ph type="title"/>
          </p:nvPr>
        </p:nvSpPr>
        <p:spPr>
          <a:xfrm>
            <a:off x="1774726" y="426127"/>
            <a:ext cx="9312374" cy="972716"/>
          </a:xfrm>
        </p:spPr>
        <p:txBody>
          <a:bodyPr/>
          <a:lstStyle/>
          <a:p>
            <a:r>
              <a:rPr lang="en-GB">
                <a:cs typeface="Arial"/>
              </a:rPr>
              <a:t>Species prediction with KmerFinder</a:t>
            </a:r>
          </a:p>
        </p:txBody>
      </p:sp>
      <p:sp>
        <p:nvSpPr>
          <p:cNvPr id="2" name="TextBox 1">
            <a:extLst>
              <a:ext uri="{FF2B5EF4-FFF2-40B4-BE49-F238E27FC236}">
                <a16:creationId xmlns:a16="http://schemas.microsoft.com/office/drawing/2014/main" id="{81164795-C457-A911-A326-A68A9239F9E9}"/>
              </a:ext>
            </a:extLst>
          </p:cNvPr>
          <p:cNvSpPr txBox="1"/>
          <p:nvPr/>
        </p:nvSpPr>
        <p:spPr>
          <a:xfrm>
            <a:off x="5367959" y="1921169"/>
            <a:ext cx="1243109" cy="98488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a:latin typeface="+mn-lt"/>
                <a:ea typeface="ＭＳ Ｐゴシック"/>
                <a:cs typeface="Arial"/>
              </a:rPr>
              <a:t>Contains all known species from NCBI</a:t>
            </a:r>
            <a:endParaRPr lang="en-GB" err="1">
              <a:latin typeface="+mn-lt"/>
            </a:endParaRPr>
          </a:p>
        </p:txBody>
      </p:sp>
      <p:sp>
        <p:nvSpPr>
          <p:cNvPr id="3" name="Right Brace 2">
            <a:extLst>
              <a:ext uri="{FF2B5EF4-FFF2-40B4-BE49-F238E27FC236}">
                <a16:creationId xmlns:a16="http://schemas.microsoft.com/office/drawing/2014/main" id="{9FE8181D-79C7-05CC-2066-1A0D4FC9A6F2}"/>
              </a:ext>
            </a:extLst>
          </p:cNvPr>
          <p:cNvSpPr/>
          <p:nvPr/>
        </p:nvSpPr>
        <p:spPr bwMode="auto">
          <a:xfrm rot="-5400000">
            <a:off x="5847923" y="2423581"/>
            <a:ext cx="172409" cy="1315815"/>
          </a:xfrm>
          <a:prstGeom prst="rightBrace">
            <a:avLst/>
          </a:prstGeom>
          <a:no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rtlCol="0" anchor="ctr"/>
          <a:lstStyle/>
          <a:p>
            <a:pPr algn="ctr"/>
            <a:endParaRPr lang="en-GB"/>
          </a:p>
        </p:txBody>
      </p:sp>
      <p:cxnSp>
        <p:nvCxnSpPr>
          <p:cNvPr id="5" name="Straight Arrow Connector 4">
            <a:extLst>
              <a:ext uri="{FF2B5EF4-FFF2-40B4-BE49-F238E27FC236}">
                <a16:creationId xmlns:a16="http://schemas.microsoft.com/office/drawing/2014/main" id="{1568846B-8209-1152-87BA-8ECAF90AA8A8}"/>
              </a:ext>
            </a:extLst>
          </p:cNvPr>
          <p:cNvCxnSpPr/>
          <p:nvPr/>
        </p:nvCxnSpPr>
        <p:spPr bwMode="auto">
          <a:xfrm flipV="1">
            <a:off x="3813227" y="4051689"/>
            <a:ext cx="1332809" cy="12816"/>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6" name="TextBox 5">
            <a:extLst>
              <a:ext uri="{FF2B5EF4-FFF2-40B4-BE49-F238E27FC236}">
                <a16:creationId xmlns:a16="http://schemas.microsoft.com/office/drawing/2014/main" id="{EF12CC1D-C788-B6F4-B829-A30D1C1ACC2D}"/>
              </a:ext>
            </a:extLst>
          </p:cNvPr>
          <p:cNvSpPr txBox="1"/>
          <p:nvPr/>
        </p:nvSpPr>
        <p:spPr>
          <a:xfrm>
            <a:off x="1695102" y="1921169"/>
            <a:ext cx="1491731"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a:latin typeface="+mn-lt"/>
                <a:ea typeface="ＭＳ Ｐゴシック"/>
                <a:cs typeface="Arial"/>
              </a:rPr>
              <a:t>Known species</a:t>
            </a:r>
            <a:endParaRPr lang="en-GB">
              <a:latin typeface="+mn-lt"/>
              <a:cs typeface="Arial"/>
            </a:endParaRPr>
          </a:p>
        </p:txBody>
      </p:sp>
      <p:sp>
        <p:nvSpPr>
          <p:cNvPr id="7" name="TextBox 6">
            <a:extLst>
              <a:ext uri="{FF2B5EF4-FFF2-40B4-BE49-F238E27FC236}">
                <a16:creationId xmlns:a16="http://schemas.microsoft.com/office/drawing/2014/main" id="{54334A07-C44E-7701-4D58-C2289E10A8AE}"/>
              </a:ext>
            </a:extLst>
          </p:cNvPr>
          <p:cNvSpPr txBox="1"/>
          <p:nvPr/>
        </p:nvSpPr>
        <p:spPr>
          <a:xfrm>
            <a:off x="8860417" y="1921250"/>
            <a:ext cx="1859252"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a:latin typeface="+mn-lt"/>
                <a:ea typeface="ＭＳ Ｐゴシック"/>
                <a:cs typeface="Arial"/>
              </a:rPr>
              <a:t>Unknown species</a:t>
            </a:r>
            <a:endParaRPr lang="en-GB">
              <a:latin typeface="+mn-lt"/>
              <a:cs typeface="Arial"/>
            </a:endParaRPr>
          </a:p>
        </p:txBody>
      </p:sp>
      <p:cxnSp>
        <p:nvCxnSpPr>
          <p:cNvPr id="8" name="Straight Arrow Connector 7">
            <a:extLst>
              <a:ext uri="{FF2B5EF4-FFF2-40B4-BE49-F238E27FC236}">
                <a16:creationId xmlns:a16="http://schemas.microsoft.com/office/drawing/2014/main" id="{72DED261-F098-2993-8E30-E7D23FBCA8CF}"/>
              </a:ext>
            </a:extLst>
          </p:cNvPr>
          <p:cNvCxnSpPr>
            <a:cxnSpLocks/>
          </p:cNvCxnSpPr>
          <p:nvPr/>
        </p:nvCxnSpPr>
        <p:spPr bwMode="auto">
          <a:xfrm flipH="1" flipV="1">
            <a:off x="6700644" y="4051764"/>
            <a:ext cx="1126760" cy="12816"/>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9" name="Straight Arrow Connector 8">
            <a:extLst>
              <a:ext uri="{FF2B5EF4-FFF2-40B4-BE49-F238E27FC236}">
                <a16:creationId xmlns:a16="http://schemas.microsoft.com/office/drawing/2014/main" id="{23D0205F-AE91-1BAB-2D0F-97D4E340BBC8}"/>
              </a:ext>
            </a:extLst>
          </p:cNvPr>
          <p:cNvCxnSpPr>
            <a:cxnSpLocks/>
          </p:cNvCxnSpPr>
          <p:nvPr/>
        </p:nvCxnSpPr>
        <p:spPr bwMode="auto">
          <a:xfrm>
            <a:off x="5983622" y="4663878"/>
            <a:ext cx="15385" cy="63171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10" name="TextBox 9">
            <a:extLst>
              <a:ext uri="{FF2B5EF4-FFF2-40B4-BE49-F238E27FC236}">
                <a16:creationId xmlns:a16="http://schemas.microsoft.com/office/drawing/2014/main" id="{A6BBC633-6E95-1476-2DA7-3281B3A56A39}"/>
              </a:ext>
            </a:extLst>
          </p:cNvPr>
          <p:cNvSpPr txBox="1"/>
          <p:nvPr/>
        </p:nvSpPr>
        <p:spPr>
          <a:xfrm>
            <a:off x="5627534" y="5385006"/>
            <a:ext cx="920954" cy="246221"/>
          </a:xfrm>
          <a:prstGeom prst="rect">
            <a:avLst/>
          </a:prstGeom>
          <a:solidFill>
            <a:schemeClr val="tx2">
              <a:lumMod val="40000"/>
              <a:lumOff val="60000"/>
            </a:schemeClr>
          </a:solid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a:latin typeface="+mn-lt"/>
                <a:ea typeface="ＭＳ Ｐゴシック"/>
                <a:cs typeface="Arial"/>
              </a:rPr>
              <a:t>Species</a:t>
            </a:r>
            <a:endParaRPr lang="en-US"/>
          </a:p>
        </p:txBody>
      </p:sp>
      <p:pic>
        <p:nvPicPr>
          <p:cNvPr id="12" name="Picture 2" descr="Logo&#10;&#10;Description automatically generated">
            <a:extLst>
              <a:ext uri="{FF2B5EF4-FFF2-40B4-BE49-F238E27FC236}">
                <a16:creationId xmlns:a16="http://schemas.microsoft.com/office/drawing/2014/main" id="{D392A835-7936-A740-44DF-4DA1676AE3B2}"/>
              </a:ext>
            </a:extLst>
          </p:cNvPr>
          <p:cNvPicPr>
            <a:picLocks noChangeAspect="1"/>
          </p:cNvPicPr>
          <p:nvPr/>
        </p:nvPicPr>
        <p:blipFill rotWithShape="1">
          <a:blip r:embed="rId2"/>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513332782"/>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6BB7F78-9D60-8F56-0A7E-FD800C9EA91A}"/>
              </a:ext>
            </a:extLst>
          </p:cNvPr>
          <p:cNvSpPr>
            <a:spLocks noGrp="1"/>
          </p:cNvSpPr>
          <p:nvPr>
            <p:ph type="title"/>
          </p:nvPr>
        </p:nvSpPr>
        <p:spPr/>
        <p:txBody>
          <a:bodyPr/>
          <a:lstStyle/>
          <a:p>
            <a:r>
              <a:rPr lang="en-GB">
                <a:cs typeface="Arial"/>
              </a:rPr>
              <a:t>Species prediction with </a:t>
            </a:r>
            <a:r>
              <a:rPr lang="en-GB" err="1">
                <a:cs typeface="Arial"/>
              </a:rPr>
              <a:t>KmerFinder</a:t>
            </a:r>
            <a:endParaRPr lang="en-US" err="1"/>
          </a:p>
        </p:txBody>
      </p:sp>
      <p:sp>
        <p:nvSpPr>
          <p:cNvPr id="3" name="Content Placeholder 2">
            <a:extLst>
              <a:ext uri="{FF2B5EF4-FFF2-40B4-BE49-F238E27FC236}">
                <a16:creationId xmlns:a16="http://schemas.microsoft.com/office/drawing/2014/main" id="{CD83F880-8492-319B-457F-021DD666D181}"/>
              </a:ext>
            </a:extLst>
          </p:cNvPr>
          <p:cNvSpPr>
            <a:spLocks noGrp="1"/>
          </p:cNvSpPr>
          <p:nvPr>
            <p:ph idx="1"/>
          </p:nvPr>
        </p:nvSpPr>
        <p:spPr/>
        <p:txBody>
          <a:bodyPr/>
          <a:lstStyle/>
          <a:p>
            <a:pPr marL="197485" indent="-197485"/>
            <a:r>
              <a:rPr lang="en-GB" dirty="0">
                <a:cs typeface="Arial"/>
              </a:rPr>
              <a:t>Genomes are spilt into 16-mers</a:t>
            </a:r>
          </a:p>
          <a:p>
            <a:pPr marL="197485" indent="-197485"/>
            <a:r>
              <a:rPr lang="en-GB" dirty="0">
                <a:cs typeface="Arial"/>
              </a:rPr>
              <a:t>But all these k-</a:t>
            </a:r>
            <a:r>
              <a:rPr lang="en-GB" dirty="0" err="1">
                <a:cs typeface="Arial"/>
              </a:rPr>
              <a:t>mers</a:t>
            </a:r>
            <a:r>
              <a:rPr lang="en-GB" dirty="0">
                <a:cs typeface="Arial"/>
              </a:rPr>
              <a:t> won't be in the database </a:t>
            </a:r>
          </a:p>
          <a:p>
            <a:pPr marL="197485" indent="-197485"/>
            <a:r>
              <a:rPr lang="en-GB" dirty="0">
                <a:cs typeface="Arial"/>
              </a:rPr>
              <a:t>Tool will take too long to compute</a:t>
            </a:r>
          </a:p>
          <a:p>
            <a:pPr marL="197485" indent="-197485"/>
            <a:r>
              <a:rPr lang="en-GB" dirty="0">
                <a:cs typeface="Arial"/>
              </a:rPr>
              <a:t>So redundant data is reduced </a:t>
            </a:r>
          </a:p>
          <a:p>
            <a:pPr marL="197485" indent="-197485"/>
            <a:r>
              <a:rPr lang="en-GB" dirty="0">
                <a:cs typeface="Arial"/>
              </a:rPr>
              <a:t>Only 16-mers with specific prefixes are kept </a:t>
            </a:r>
            <a:r>
              <a:rPr lang="en-GB" dirty="0" err="1">
                <a:cs typeface="Arial"/>
              </a:rPr>
              <a:t>e.g</a:t>
            </a:r>
            <a:r>
              <a:rPr lang="en-GB" dirty="0">
                <a:cs typeface="Arial"/>
              </a:rPr>
              <a:t> ATGAG</a:t>
            </a:r>
          </a:p>
          <a:p>
            <a:pPr marL="197485" indent="-197485"/>
            <a:r>
              <a:rPr lang="en-GB" dirty="0">
                <a:cs typeface="Arial"/>
              </a:rPr>
              <a:t>Reduced redundancy speeds up the tool </a:t>
            </a:r>
          </a:p>
          <a:p>
            <a:pPr marL="197485" indent="-197485"/>
            <a:endParaRPr lang="en-GB">
              <a:cs typeface="Arial"/>
            </a:endParaRPr>
          </a:p>
          <a:p>
            <a:pPr marL="197485" indent="-197485"/>
            <a:r>
              <a:rPr lang="en-GB" dirty="0">
                <a:cs typeface="Arial"/>
              </a:rPr>
              <a:t>But how does the tool the compare k-</a:t>
            </a:r>
            <a:r>
              <a:rPr lang="en-GB" dirty="0" err="1">
                <a:cs typeface="Arial"/>
              </a:rPr>
              <a:t>mers</a:t>
            </a:r>
            <a:r>
              <a:rPr lang="en-GB" dirty="0">
                <a:cs typeface="Arial"/>
              </a:rPr>
              <a:t>?</a:t>
            </a:r>
          </a:p>
        </p:txBody>
      </p:sp>
      <p:sp>
        <p:nvSpPr>
          <p:cNvPr id="4" name="Slide Number Placeholder 3">
            <a:extLst>
              <a:ext uri="{FF2B5EF4-FFF2-40B4-BE49-F238E27FC236}">
                <a16:creationId xmlns:a16="http://schemas.microsoft.com/office/drawing/2014/main" id="{AE72A472-7F0D-D1C2-9D98-8C842E6CE664}"/>
              </a:ext>
            </a:extLst>
          </p:cNvPr>
          <p:cNvSpPr>
            <a:spLocks noGrp="1"/>
          </p:cNvSpPr>
          <p:nvPr>
            <p:ph type="sldNum" sz="quarter" idx="11"/>
          </p:nvPr>
        </p:nvSpPr>
        <p:spPr/>
        <p:txBody>
          <a:bodyPr/>
          <a:lstStyle/>
          <a:p>
            <a:fld id="{103EA872-A674-449B-A120-B97244F8E91D}" type="slidenum">
              <a:rPr lang="en-GB" smtClean="0"/>
              <a:pPr/>
              <a:t>17</a:t>
            </a:fld>
            <a:endParaRPr lang="en-GB"/>
          </a:p>
        </p:txBody>
      </p:sp>
      <p:pic>
        <p:nvPicPr>
          <p:cNvPr id="6" name="Picture 2" descr="Logo&#10;&#10;Description automatically generated">
            <a:extLst>
              <a:ext uri="{FF2B5EF4-FFF2-40B4-BE49-F238E27FC236}">
                <a16:creationId xmlns:a16="http://schemas.microsoft.com/office/drawing/2014/main" id="{7545155E-4776-4E77-541F-15C5A06E20F6}"/>
              </a:ext>
            </a:extLst>
          </p:cNvPr>
          <p:cNvPicPr>
            <a:picLocks noChangeAspect="1"/>
          </p:cNvPicPr>
          <p:nvPr/>
        </p:nvPicPr>
        <p:blipFill rotWithShape="1">
          <a:blip r:embed="rId2"/>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286214838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FA64BBB-DEEA-8DCA-D79B-AF3414F1C17A}"/>
              </a:ext>
            </a:extLst>
          </p:cNvPr>
          <p:cNvSpPr>
            <a:spLocks noGrp="1"/>
          </p:cNvSpPr>
          <p:nvPr>
            <p:ph type="title"/>
          </p:nvPr>
        </p:nvSpPr>
        <p:spPr/>
        <p:txBody>
          <a:bodyPr/>
          <a:lstStyle/>
          <a:p>
            <a:r>
              <a:rPr lang="en-GB">
                <a:cs typeface="Arial"/>
              </a:rPr>
              <a:t>k-mer alignment (KMA)</a:t>
            </a:r>
            <a:endParaRPr lang="en-GB"/>
          </a:p>
        </p:txBody>
      </p:sp>
      <p:sp>
        <p:nvSpPr>
          <p:cNvPr id="4" name="Slide Number Placeholder 3">
            <a:extLst>
              <a:ext uri="{FF2B5EF4-FFF2-40B4-BE49-F238E27FC236}">
                <a16:creationId xmlns:a16="http://schemas.microsoft.com/office/drawing/2014/main" id="{DFE3B13D-2B3A-894A-BA4A-BF923EB15685}"/>
              </a:ext>
            </a:extLst>
          </p:cNvPr>
          <p:cNvSpPr>
            <a:spLocks noGrp="1"/>
          </p:cNvSpPr>
          <p:nvPr>
            <p:ph type="sldNum" sz="quarter" idx="11"/>
          </p:nvPr>
        </p:nvSpPr>
        <p:spPr/>
        <p:txBody>
          <a:bodyPr/>
          <a:lstStyle/>
          <a:p>
            <a:fld id="{103EA872-A674-449B-A120-B97244F8E91D}" type="slidenum">
              <a:rPr lang="en-GB" smtClean="0"/>
              <a:pPr/>
              <a:t>18</a:t>
            </a:fld>
            <a:endParaRPr lang="en-GB"/>
          </a:p>
        </p:txBody>
      </p:sp>
      <p:sp>
        <p:nvSpPr>
          <p:cNvPr id="5" name="Oval 4">
            <a:extLst>
              <a:ext uri="{FF2B5EF4-FFF2-40B4-BE49-F238E27FC236}">
                <a16:creationId xmlns:a16="http://schemas.microsoft.com/office/drawing/2014/main" id="{8E84ACBE-C8BA-8623-512D-A02C88389AA8}"/>
              </a:ext>
            </a:extLst>
          </p:cNvPr>
          <p:cNvSpPr/>
          <p:nvPr/>
        </p:nvSpPr>
        <p:spPr bwMode="auto">
          <a:xfrm>
            <a:off x="868320" y="2971799"/>
            <a:ext cx="1445892" cy="914400"/>
          </a:xfrm>
          <a:prstGeom prst="ellipse">
            <a:avLst/>
          </a:prstGeom>
          <a:noFill/>
          <a:ln w="9525" cap="flat" cmpd="sng" algn="ctr">
            <a:solidFill>
              <a:schemeClr val="accent1"/>
            </a:solidFill>
            <a:prstDash val="dash"/>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6" name="TextBox 5">
            <a:extLst>
              <a:ext uri="{FF2B5EF4-FFF2-40B4-BE49-F238E27FC236}">
                <a16:creationId xmlns:a16="http://schemas.microsoft.com/office/drawing/2014/main" id="{7952181E-CA18-1706-A6E1-BE0874CF12CE}"/>
              </a:ext>
            </a:extLst>
          </p:cNvPr>
          <p:cNvSpPr txBox="1"/>
          <p:nvPr/>
        </p:nvSpPr>
        <p:spPr>
          <a:xfrm>
            <a:off x="830491" y="2248898"/>
            <a:ext cx="1604741" cy="492443"/>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dirty="0">
                <a:latin typeface="+mn-lt"/>
                <a:ea typeface="ＭＳ Ｐゴシック"/>
                <a:cs typeface="Arial"/>
              </a:rPr>
              <a:t>Query bacteria of unknown species</a:t>
            </a:r>
            <a:endParaRPr lang="en-GB" dirty="0" err="1">
              <a:latin typeface="+mn-lt"/>
            </a:endParaRPr>
          </a:p>
        </p:txBody>
      </p:sp>
      <p:pic>
        <p:nvPicPr>
          <p:cNvPr id="7" name="Graphic 7" descr="Question Mark with solid fill">
            <a:extLst>
              <a:ext uri="{FF2B5EF4-FFF2-40B4-BE49-F238E27FC236}">
                <a16:creationId xmlns:a16="http://schemas.microsoft.com/office/drawing/2014/main" id="{3A50C7FF-B761-2858-7182-54AF46541BF4}"/>
              </a:ext>
            </a:extLst>
          </p:cNvPr>
          <p:cNvPicPr>
            <a:picLocks noChangeAspect="1"/>
          </p:cNvPicPr>
          <p:nvPr/>
        </p:nvPicPr>
        <p:blipFill>
          <a:blip r:embed="rId2">
            <a:extLst>
              <a:ext uri="{96DAC541-7B7A-43D3-8B79-37D633B846F1}">
                <asvg:svgBlip xmlns="" xmlns:asvg="http://schemas.microsoft.com/office/drawing/2016/SVG/main" r:embed="rId3"/>
              </a:ext>
            </a:extLst>
          </a:blip>
          <a:stretch>
            <a:fillRect/>
          </a:stretch>
        </p:blipFill>
        <p:spPr>
          <a:xfrm>
            <a:off x="1283251" y="3158481"/>
            <a:ext cx="541294" cy="541253"/>
          </a:xfrm>
          <a:prstGeom prst="rect">
            <a:avLst/>
          </a:prstGeom>
        </p:spPr>
      </p:pic>
      <p:sp>
        <p:nvSpPr>
          <p:cNvPr id="8" name="Oval 7">
            <a:extLst>
              <a:ext uri="{FF2B5EF4-FFF2-40B4-BE49-F238E27FC236}">
                <a16:creationId xmlns:a16="http://schemas.microsoft.com/office/drawing/2014/main" id="{066B7D28-545F-5093-E065-89B9A9ACD966}"/>
              </a:ext>
            </a:extLst>
          </p:cNvPr>
          <p:cNvSpPr/>
          <p:nvPr/>
        </p:nvSpPr>
        <p:spPr bwMode="auto">
          <a:xfrm>
            <a:off x="6954373" y="1677915"/>
            <a:ext cx="1558975" cy="959630"/>
          </a:xfrm>
          <a:prstGeom prst="ellipse">
            <a:avLst/>
          </a:prstGeom>
          <a:ln>
            <a:solidFill>
              <a:schemeClr val="accent1">
                <a:lumMod val="20000"/>
                <a:lumOff val="80000"/>
              </a:schemeClr>
            </a:solidFill>
            <a:prstDash val="dash"/>
            <a:headEnd type="none" w="med" len="med"/>
            <a:tailEnd type="none" w="med" len="med"/>
          </a:ln>
          <a:extLst>
            <a:ext uri="{AF507438-7753-43E0-B8FC-AC1667EBCBE1}">
              <a14:hiddenEffects xmlns:a14="http://schemas.microsoft.com/office/drawing/2010/main">
                <a:effectLst>
                  <a:outerShdw dist="35921" dir="2700000" algn="ctr" rotWithShape="0">
                    <a:schemeClr val="bg2"/>
                  </a:outerShdw>
                </a:effectLst>
              </a14:hiddenEffects>
            </a:ext>
          </a:extLst>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9" name="Oval 8">
            <a:extLst>
              <a:ext uri="{FF2B5EF4-FFF2-40B4-BE49-F238E27FC236}">
                <a16:creationId xmlns:a16="http://schemas.microsoft.com/office/drawing/2014/main" id="{FBA5FAC9-DF35-7027-5300-97C21807F476}"/>
              </a:ext>
            </a:extLst>
          </p:cNvPr>
          <p:cNvSpPr/>
          <p:nvPr/>
        </p:nvSpPr>
        <p:spPr bwMode="auto">
          <a:xfrm>
            <a:off x="6959508" y="2858950"/>
            <a:ext cx="1445892" cy="914400"/>
          </a:xfrm>
          <a:prstGeom prst="ellipse">
            <a:avLst/>
          </a:prstGeom>
          <a:ln>
            <a:solidFill>
              <a:schemeClr val="accent1">
                <a:lumMod val="20000"/>
                <a:lumOff val="80000"/>
              </a:schemeClr>
            </a:solidFill>
            <a:prstDash val="dash"/>
            <a:headEnd type="none" w="med" len="med"/>
            <a:tailEnd type="none" w="med" len="med"/>
          </a:ln>
          <a:extLst>
            <a:ext uri="{AF507438-7753-43E0-B8FC-AC1667EBCBE1}">
              <a14:hiddenEffects xmlns:a14="http://schemas.microsoft.com/office/drawing/2010/main">
                <a:effectLst>
                  <a:outerShdw dist="35921" dir="2700000" algn="ctr" rotWithShape="0">
                    <a:schemeClr val="bg2"/>
                  </a:outerShdw>
                </a:effectLst>
              </a14:hiddenEffects>
            </a:ext>
          </a:extLst>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0" name="Oval 9">
            <a:extLst>
              <a:ext uri="{FF2B5EF4-FFF2-40B4-BE49-F238E27FC236}">
                <a16:creationId xmlns:a16="http://schemas.microsoft.com/office/drawing/2014/main" id="{8E4E7794-C554-3DB2-C24E-901D06313717}"/>
              </a:ext>
            </a:extLst>
          </p:cNvPr>
          <p:cNvSpPr/>
          <p:nvPr/>
        </p:nvSpPr>
        <p:spPr bwMode="auto">
          <a:xfrm>
            <a:off x="6953336" y="3983480"/>
            <a:ext cx="1445892" cy="914400"/>
          </a:xfrm>
          <a:prstGeom prst="ellipse">
            <a:avLst/>
          </a:prstGeom>
          <a:ln>
            <a:solidFill>
              <a:schemeClr val="accent1">
                <a:lumMod val="20000"/>
                <a:lumOff val="80000"/>
              </a:schemeClr>
            </a:solidFill>
            <a:prstDash val="dash"/>
            <a:headEnd type="none" w="med" len="med"/>
            <a:tailEnd type="none" w="med" len="med"/>
          </a:ln>
          <a:extLst>
            <a:ext uri="{AF507438-7753-43E0-B8FC-AC1667EBCBE1}">
              <a14:hiddenEffects xmlns:a14="http://schemas.microsoft.com/office/drawing/2010/main">
                <a:effectLst>
                  <a:outerShdw dist="35921" dir="2700000" algn="ctr" rotWithShape="0">
                    <a:schemeClr val="bg2"/>
                  </a:outerShdw>
                </a:effectLst>
              </a14:hiddenEffects>
            </a:ext>
          </a:extLst>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1" name="Oval 10">
            <a:extLst>
              <a:ext uri="{FF2B5EF4-FFF2-40B4-BE49-F238E27FC236}">
                <a16:creationId xmlns:a16="http://schemas.microsoft.com/office/drawing/2014/main" id="{842BEBED-E9C5-F740-F698-4B31B96B1AE6}"/>
              </a:ext>
            </a:extLst>
          </p:cNvPr>
          <p:cNvSpPr/>
          <p:nvPr/>
        </p:nvSpPr>
        <p:spPr bwMode="auto">
          <a:xfrm>
            <a:off x="6952808" y="5158864"/>
            <a:ext cx="1445892" cy="914400"/>
          </a:xfrm>
          <a:prstGeom prst="ellipse">
            <a:avLst/>
          </a:prstGeom>
          <a:ln>
            <a:solidFill>
              <a:schemeClr val="accent1">
                <a:lumMod val="20000"/>
                <a:lumOff val="80000"/>
              </a:schemeClr>
            </a:solidFill>
            <a:prstDash val="dash"/>
            <a:headEnd type="none" w="med" len="med"/>
            <a:tailEnd type="none" w="med" len="med"/>
          </a:ln>
          <a:extLst>
            <a:ext uri="{AF507438-7753-43E0-B8FC-AC1667EBCBE1}">
              <a14:hiddenEffects xmlns:a14="http://schemas.microsoft.com/office/drawing/2010/main">
                <a:effectLst>
                  <a:outerShdw dist="35921" dir="2700000" algn="ctr" rotWithShape="0">
                    <a:schemeClr val="bg2"/>
                  </a:outerShdw>
                </a:effectLst>
              </a14:hiddenEffects>
            </a:ext>
          </a:extLst>
        </p:spPr>
        <p:style>
          <a:lnRef idx="2">
            <a:schemeClr val="accent6"/>
          </a:lnRef>
          <a:fillRef idx="1">
            <a:schemeClr val="lt1"/>
          </a:fillRef>
          <a:effectRef idx="0">
            <a:schemeClr val="accent6"/>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extBox 11">
            <a:extLst>
              <a:ext uri="{FF2B5EF4-FFF2-40B4-BE49-F238E27FC236}">
                <a16:creationId xmlns:a16="http://schemas.microsoft.com/office/drawing/2014/main" id="{279AC5A2-73EE-97F8-EBB5-CDB0C8E204DC}"/>
              </a:ext>
            </a:extLst>
          </p:cNvPr>
          <p:cNvSpPr txBox="1"/>
          <p:nvPr/>
        </p:nvSpPr>
        <p:spPr>
          <a:xfrm>
            <a:off x="6865688" y="819402"/>
            <a:ext cx="1966608" cy="738664"/>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dirty="0">
                <a:latin typeface="+mn-lt"/>
                <a:ea typeface="ＭＳ Ｐゴシック"/>
                <a:cs typeface="Arial"/>
              </a:rPr>
              <a:t>Reference </a:t>
            </a:r>
            <a:r>
              <a:rPr lang="en-GB" dirty="0" err="1">
                <a:latin typeface="+mn-lt"/>
                <a:ea typeface="ＭＳ Ｐゴシック"/>
                <a:cs typeface="Arial"/>
              </a:rPr>
              <a:t>db</a:t>
            </a:r>
            <a:r>
              <a:rPr lang="en-GB" dirty="0">
                <a:latin typeface="+mn-lt"/>
                <a:ea typeface="ＭＳ Ｐゴシック"/>
                <a:cs typeface="Arial"/>
              </a:rPr>
              <a:t> bacteria of known species (template)</a:t>
            </a:r>
            <a:endParaRPr lang="en-US" dirty="0"/>
          </a:p>
        </p:txBody>
      </p:sp>
      <p:sp>
        <p:nvSpPr>
          <p:cNvPr id="13" name="TextBox 12">
            <a:extLst>
              <a:ext uri="{FF2B5EF4-FFF2-40B4-BE49-F238E27FC236}">
                <a16:creationId xmlns:a16="http://schemas.microsoft.com/office/drawing/2014/main" id="{41B20228-3522-28B5-25A2-C50A9C9E9E3B}"/>
              </a:ext>
            </a:extLst>
          </p:cNvPr>
          <p:cNvSpPr txBox="1"/>
          <p:nvPr/>
        </p:nvSpPr>
        <p:spPr>
          <a:xfrm>
            <a:off x="7419207" y="1887266"/>
            <a:ext cx="1480430" cy="543739"/>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dirty="0">
                <a:latin typeface="+mn-lt"/>
                <a:ea typeface="ＭＳ Ｐゴシック"/>
                <a:cs typeface="Arial"/>
              </a:rPr>
              <a:t>Bact1</a:t>
            </a:r>
          </a:p>
          <a:p>
            <a:pPr>
              <a:spcBef>
                <a:spcPts val="432"/>
              </a:spcBef>
            </a:pPr>
            <a:r>
              <a:rPr lang="en-GB" dirty="0">
                <a:latin typeface="+mn-lt"/>
                <a:ea typeface="ＭＳ Ｐゴシック"/>
                <a:cs typeface="Arial"/>
              </a:rPr>
              <a:t>E. coli</a:t>
            </a:r>
            <a:endParaRPr lang="en-GB" dirty="0">
              <a:latin typeface="+mn-lt"/>
              <a:cs typeface="Arial"/>
            </a:endParaRPr>
          </a:p>
        </p:txBody>
      </p:sp>
      <p:sp>
        <p:nvSpPr>
          <p:cNvPr id="14" name="TextBox 13">
            <a:extLst>
              <a:ext uri="{FF2B5EF4-FFF2-40B4-BE49-F238E27FC236}">
                <a16:creationId xmlns:a16="http://schemas.microsoft.com/office/drawing/2014/main" id="{9FE6E2AF-F7F8-2C47-187F-4D87A4B9F206}"/>
              </a:ext>
            </a:extLst>
          </p:cNvPr>
          <p:cNvSpPr txBox="1"/>
          <p:nvPr/>
        </p:nvSpPr>
        <p:spPr>
          <a:xfrm>
            <a:off x="7271795" y="5390656"/>
            <a:ext cx="1480430" cy="543739"/>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dirty="0">
                <a:latin typeface="+mn-lt"/>
                <a:ea typeface="ＭＳ Ｐゴシック"/>
                <a:cs typeface="Arial"/>
              </a:rPr>
              <a:t>Bact4</a:t>
            </a:r>
            <a:endParaRPr lang="en-US">
              <a:cs typeface="Arial"/>
            </a:endParaRPr>
          </a:p>
          <a:p>
            <a:pPr>
              <a:spcBef>
                <a:spcPts val="432"/>
              </a:spcBef>
            </a:pPr>
            <a:r>
              <a:rPr lang="en-GB" dirty="0">
                <a:latin typeface="+mn-lt"/>
                <a:ea typeface="ＭＳ Ｐゴシック"/>
                <a:cs typeface="Arial"/>
              </a:rPr>
              <a:t>S. aureus</a:t>
            </a:r>
            <a:endParaRPr lang="en-US" dirty="0"/>
          </a:p>
        </p:txBody>
      </p:sp>
      <p:sp>
        <p:nvSpPr>
          <p:cNvPr id="15" name="TextBox 14">
            <a:extLst>
              <a:ext uri="{FF2B5EF4-FFF2-40B4-BE49-F238E27FC236}">
                <a16:creationId xmlns:a16="http://schemas.microsoft.com/office/drawing/2014/main" id="{48BA5C05-3511-901B-9332-FD46B6FD3E79}"/>
              </a:ext>
            </a:extLst>
          </p:cNvPr>
          <p:cNvSpPr txBox="1"/>
          <p:nvPr/>
        </p:nvSpPr>
        <p:spPr>
          <a:xfrm>
            <a:off x="7271307" y="4209783"/>
            <a:ext cx="1480430" cy="543739"/>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dirty="0">
                <a:latin typeface="Arial"/>
                <a:ea typeface="ＭＳ Ｐゴシック"/>
                <a:cs typeface="Arial"/>
              </a:rPr>
              <a:t>Bact3</a:t>
            </a:r>
          </a:p>
          <a:p>
            <a:pPr>
              <a:spcBef>
                <a:spcPts val="432"/>
              </a:spcBef>
            </a:pPr>
            <a:r>
              <a:rPr lang="en-GB" dirty="0">
                <a:latin typeface="Arial"/>
                <a:ea typeface="ＭＳ Ｐゴシック"/>
                <a:cs typeface="Arial"/>
              </a:rPr>
              <a:t>k. pneumoniae</a:t>
            </a:r>
            <a:endParaRPr lang="en-GB" dirty="0">
              <a:latin typeface="Arial"/>
              <a:cs typeface="Arial"/>
            </a:endParaRPr>
          </a:p>
        </p:txBody>
      </p:sp>
      <p:sp>
        <p:nvSpPr>
          <p:cNvPr id="16" name="TextBox 15">
            <a:extLst>
              <a:ext uri="{FF2B5EF4-FFF2-40B4-BE49-F238E27FC236}">
                <a16:creationId xmlns:a16="http://schemas.microsoft.com/office/drawing/2014/main" id="{DF5A3A4C-C80A-1501-FB22-3F6B662EFCEB}"/>
              </a:ext>
            </a:extLst>
          </p:cNvPr>
          <p:cNvSpPr txBox="1"/>
          <p:nvPr/>
        </p:nvSpPr>
        <p:spPr>
          <a:xfrm>
            <a:off x="7310387" y="3085414"/>
            <a:ext cx="1480430" cy="543739"/>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GB" dirty="0">
                <a:latin typeface="Arial"/>
                <a:ea typeface="ＭＳ Ｐゴシック"/>
                <a:cs typeface="Arial"/>
              </a:rPr>
              <a:t>Bact2</a:t>
            </a:r>
          </a:p>
          <a:p>
            <a:pPr>
              <a:spcBef>
                <a:spcPts val="432"/>
              </a:spcBef>
            </a:pPr>
            <a:r>
              <a:rPr lang="en-GB" dirty="0">
                <a:latin typeface="Arial"/>
                <a:ea typeface="ＭＳ Ｐゴシック"/>
                <a:cs typeface="Arial"/>
              </a:rPr>
              <a:t>S. enterica</a:t>
            </a:r>
            <a:endParaRPr lang="en-GB" dirty="0">
              <a:latin typeface="Arial"/>
              <a:cs typeface="Arial"/>
            </a:endParaRPr>
          </a:p>
        </p:txBody>
      </p:sp>
      <p:pic>
        <p:nvPicPr>
          <p:cNvPr id="20" name="Graphic 20" descr="Tick with solid fill">
            <a:extLst>
              <a:ext uri="{FF2B5EF4-FFF2-40B4-BE49-F238E27FC236}">
                <a16:creationId xmlns:a16="http://schemas.microsoft.com/office/drawing/2014/main" id="{D8344CBF-03F5-C591-33C6-449565BA02E5}"/>
              </a:ext>
            </a:extLst>
          </p:cNvPr>
          <p:cNvPicPr>
            <a:picLocks noChangeAspect="1"/>
          </p:cNvPicPr>
          <p:nvPr/>
        </p:nvPicPr>
        <p:blipFill>
          <a:blip r:embed="rId4">
            <a:extLst>
              <a:ext uri="{96DAC541-7B7A-43D3-8B79-37D633B846F1}">
                <asvg:svgBlip xmlns="" xmlns:asvg="http://schemas.microsoft.com/office/drawing/2016/SVG/main" r:embed="rId5"/>
              </a:ext>
            </a:extLst>
          </a:blip>
          <a:stretch>
            <a:fillRect/>
          </a:stretch>
        </p:blipFill>
        <p:spPr>
          <a:xfrm>
            <a:off x="8635107" y="5164193"/>
            <a:ext cx="914469" cy="914400"/>
          </a:xfrm>
          <a:prstGeom prst="rect">
            <a:avLst/>
          </a:prstGeom>
        </p:spPr>
      </p:pic>
      <p:pic>
        <p:nvPicPr>
          <p:cNvPr id="21" name="Graphic 21" descr="Close with solid fill">
            <a:extLst>
              <a:ext uri="{FF2B5EF4-FFF2-40B4-BE49-F238E27FC236}">
                <a16:creationId xmlns:a16="http://schemas.microsoft.com/office/drawing/2014/main" id="{9E1126F4-7A3E-09A2-E815-98265E313904}"/>
              </a:ext>
            </a:extLst>
          </p:cNvPr>
          <p:cNvPicPr>
            <a:picLocks noChangeAspect="1"/>
          </p:cNvPicPr>
          <p:nvPr/>
        </p:nvPicPr>
        <p:blipFill>
          <a:blip r:embed="rId6">
            <a:extLst>
              <a:ext uri="{96DAC541-7B7A-43D3-8B79-37D633B846F1}">
                <asvg:svgBlip xmlns="" xmlns:asvg="http://schemas.microsoft.com/office/drawing/2016/SVG/main" r:embed="rId7"/>
              </a:ext>
            </a:extLst>
          </a:blip>
          <a:stretch>
            <a:fillRect/>
          </a:stretch>
        </p:blipFill>
        <p:spPr>
          <a:xfrm>
            <a:off x="8635104" y="4118961"/>
            <a:ext cx="727881" cy="722173"/>
          </a:xfrm>
          <a:prstGeom prst="rect">
            <a:avLst/>
          </a:prstGeom>
        </p:spPr>
      </p:pic>
      <p:pic>
        <p:nvPicPr>
          <p:cNvPr id="22" name="Graphic 21" descr="Close with solid fill">
            <a:extLst>
              <a:ext uri="{FF2B5EF4-FFF2-40B4-BE49-F238E27FC236}">
                <a16:creationId xmlns:a16="http://schemas.microsoft.com/office/drawing/2014/main" id="{75947FCC-6B8E-4E58-A040-2A2D52812261}"/>
              </a:ext>
            </a:extLst>
          </p:cNvPr>
          <p:cNvPicPr>
            <a:picLocks noChangeAspect="1"/>
          </p:cNvPicPr>
          <p:nvPr/>
        </p:nvPicPr>
        <p:blipFill>
          <a:blip r:embed="rId6">
            <a:extLst>
              <a:ext uri="{96DAC541-7B7A-43D3-8B79-37D633B846F1}">
                <asvg:svgBlip xmlns="" xmlns:asvg="http://schemas.microsoft.com/office/drawing/2016/SVG/main" r:embed="rId7"/>
              </a:ext>
            </a:extLst>
          </a:blip>
          <a:stretch>
            <a:fillRect/>
          </a:stretch>
        </p:blipFill>
        <p:spPr>
          <a:xfrm>
            <a:off x="8634518" y="2955039"/>
            <a:ext cx="727881" cy="722173"/>
          </a:xfrm>
          <a:prstGeom prst="rect">
            <a:avLst/>
          </a:prstGeom>
        </p:spPr>
      </p:pic>
      <p:pic>
        <p:nvPicPr>
          <p:cNvPr id="23" name="Graphic 22" descr="Close with solid fill">
            <a:extLst>
              <a:ext uri="{FF2B5EF4-FFF2-40B4-BE49-F238E27FC236}">
                <a16:creationId xmlns:a16="http://schemas.microsoft.com/office/drawing/2014/main" id="{59A87228-CB6E-2128-4D83-2F116F3DBEC6}"/>
              </a:ext>
            </a:extLst>
          </p:cNvPr>
          <p:cNvPicPr>
            <a:picLocks noChangeAspect="1"/>
          </p:cNvPicPr>
          <p:nvPr/>
        </p:nvPicPr>
        <p:blipFill>
          <a:blip r:embed="rId6">
            <a:extLst>
              <a:ext uri="{96DAC541-7B7A-43D3-8B79-37D633B846F1}">
                <asvg:svgBlip xmlns="" xmlns:asvg="http://schemas.microsoft.com/office/drawing/2016/SVG/main" r:embed="rId7"/>
              </a:ext>
            </a:extLst>
          </a:blip>
          <a:stretch>
            <a:fillRect/>
          </a:stretch>
        </p:blipFill>
        <p:spPr>
          <a:xfrm>
            <a:off x="8633936" y="1774164"/>
            <a:ext cx="727881" cy="722173"/>
          </a:xfrm>
          <a:prstGeom prst="rect">
            <a:avLst/>
          </a:prstGeom>
        </p:spPr>
      </p:pic>
      <p:cxnSp>
        <p:nvCxnSpPr>
          <p:cNvPr id="25" name="Straight Arrow Connector 24">
            <a:extLst>
              <a:ext uri="{FF2B5EF4-FFF2-40B4-BE49-F238E27FC236}">
                <a16:creationId xmlns:a16="http://schemas.microsoft.com/office/drawing/2014/main" id="{31F4CB23-41FC-8252-24B9-1645687ACAC3}"/>
              </a:ext>
            </a:extLst>
          </p:cNvPr>
          <p:cNvCxnSpPr/>
          <p:nvPr/>
        </p:nvCxnSpPr>
        <p:spPr bwMode="auto">
          <a:xfrm flipV="1">
            <a:off x="2439689" y="2237307"/>
            <a:ext cx="4318216" cy="1092681"/>
          </a:xfrm>
          <a:prstGeom prst="straightConnector1">
            <a:avLst/>
          </a:prstGeom>
          <a:solidFill>
            <a:schemeClr val="accent1"/>
          </a:solidFill>
          <a:ln w="9525" cap="flat" cmpd="sng" algn="ctr">
            <a:solidFill>
              <a:srgbClr val="FF000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6" name="Straight Arrow Connector 25">
            <a:extLst>
              <a:ext uri="{FF2B5EF4-FFF2-40B4-BE49-F238E27FC236}">
                <a16:creationId xmlns:a16="http://schemas.microsoft.com/office/drawing/2014/main" id="{B2EB136F-1028-E6C6-80C0-2268DC4852C3}"/>
              </a:ext>
            </a:extLst>
          </p:cNvPr>
          <p:cNvCxnSpPr>
            <a:cxnSpLocks/>
          </p:cNvCxnSpPr>
          <p:nvPr/>
        </p:nvCxnSpPr>
        <p:spPr bwMode="auto">
          <a:xfrm flipV="1">
            <a:off x="2439493" y="3339787"/>
            <a:ext cx="4323870" cy="131544"/>
          </a:xfrm>
          <a:prstGeom prst="straightConnector1">
            <a:avLst/>
          </a:prstGeom>
          <a:solidFill>
            <a:schemeClr val="accent1"/>
          </a:solidFill>
          <a:ln w="9525" cap="flat" cmpd="sng" algn="ctr">
            <a:solidFill>
              <a:srgbClr val="FF000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7" name="Straight Arrow Connector 26">
            <a:extLst>
              <a:ext uri="{FF2B5EF4-FFF2-40B4-BE49-F238E27FC236}">
                <a16:creationId xmlns:a16="http://schemas.microsoft.com/office/drawing/2014/main" id="{E136A39F-7830-B1AA-6C4E-2F2A1516B692}"/>
              </a:ext>
            </a:extLst>
          </p:cNvPr>
          <p:cNvCxnSpPr>
            <a:cxnSpLocks/>
          </p:cNvCxnSpPr>
          <p:nvPr/>
        </p:nvCxnSpPr>
        <p:spPr bwMode="auto">
          <a:xfrm>
            <a:off x="2377102" y="3691826"/>
            <a:ext cx="4436953" cy="761748"/>
          </a:xfrm>
          <a:prstGeom prst="straightConnector1">
            <a:avLst/>
          </a:prstGeom>
          <a:solidFill>
            <a:schemeClr val="accent1"/>
          </a:solidFill>
          <a:ln w="9525" cap="flat" cmpd="sng" algn="ctr">
            <a:solidFill>
              <a:srgbClr val="FF000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cxnSp>
        <p:nvCxnSpPr>
          <p:cNvPr id="28" name="Straight Arrow Connector 27">
            <a:extLst>
              <a:ext uri="{FF2B5EF4-FFF2-40B4-BE49-F238E27FC236}">
                <a16:creationId xmlns:a16="http://schemas.microsoft.com/office/drawing/2014/main" id="{2C15A969-127C-F7B7-E159-65A571C31EF4}"/>
              </a:ext>
            </a:extLst>
          </p:cNvPr>
          <p:cNvCxnSpPr>
            <a:cxnSpLocks/>
          </p:cNvCxnSpPr>
          <p:nvPr/>
        </p:nvCxnSpPr>
        <p:spPr bwMode="auto">
          <a:xfrm>
            <a:off x="2280954" y="3900932"/>
            <a:ext cx="4527420" cy="1649387"/>
          </a:xfrm>
          <a:prstGeom prst="straightConnector1">
            <a:avLst/>
          </a:prstGeom>
          <a:solidFill>
            <a:schemeClr val="accent1"/>
          </a:solidFill>
          <a:ln w="9525" cap="flat" cmpd="sng" algn="ctr">
            <a:solidFill>
              <a:srgbClr val="92D050"/>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sp>
        <p:nvSpPr>
          <p:cNvPr id="30" name="TextBox 29">
            <a:extLst>
              <a:ext uri="{FF2B5EF4-FFF2-40B4-BE49-F238E27FC236}">
                <a16:creationId xmlns:a16="http://schemas.microsoft.com/office/drawing/2014/main" id="{BC986024-DEFF-55E4-3492-E576A4222FD5}"/>
              </a:ext>
            </a:extLst>
          </p:cNvPr>
          <p:cNvSpPr txBox="1"/>
          <p:nvPr/>
        </p:nvSpPr>
        <p:spPr>
          <a:xfrm>
            <a:off x="5205866" y="6385314"/>
            <a:ext cx="6030981" cy="359073"/>
          </a:xfrm>
          <a:prstGeom prst="rect">
            <a:avLst/>
          </a:prstGeom>
          <a:noFill/>
        </p:spPr>
        <p:txBody>
          <a:bodyPr wrap="square" lIns="0" tIns="0" rIns="0" bIns="0" rtlCol="0" anchor="t">
            <a:spAutoFit/>
          </a:bodyPr>
          <a:lstStyle/>
          <a:p>
            <a:pPr>
              <a:spcBef>
                <a:spcPts val="432"/>
              </a:spcBef>
            </a:pPr>
            <a:r>
              <a:rPr lang="en-US" sz="1000" i="1" dirty="0">
                <a:latin typeface="Verdana"/>
                <a:ea typeface="ＭＳ Ｐゴシック"/>
              </a:rPr>
              <a:t>Adapted from: Introduction to CGE tools, presentation by </a:t>
            </a:r>
            <a:r>
              <a:rPr lang="en-US" sz="1000" i="1" dirty="0" err="1">
                <a:latin typeface="Verdana"/>
                <a:ea typeface="ＭＳ Ｐゴシック"/>
              </a:rPr>
              <a:t>Pimpalas</a:t>
            </a:r>
            <a:r>
              <a:rPr lang="en-US" sz="1000" i="1" dirty="0">
                <a:latin typeface="Verdana"/>
                <a:ea typeface="ＭＳ Ｐゴシック"/>
              </a:rPr>
              <a:t> </a:t>
            </a:r>
            <a:r>
              <a:rPr lang="en-US" sz="1000" i="1" dirty="0" err="1">
                <a:latin typeface="Verdana"/>
                <a:ea typeface="ＭＳ Ｐゴシック"/>
                <a:cs typeface="Helvetica"/>
              </a:rPr>
              <a:t>Leekitcharoenphon</a:t>
            </a:r>
            <a:r>
              <a:rPr lang="en-US" sz="1000" i="1" dirty="0">
                <a:latin typeface="Verdana"/>
                <a:ea typeface="ＭＳ Ｐゴシック"/>
                <a:cs typeface="Helvetica"/>
              </a:rPr>
              <a:t> </a:t>
            </a:r>
            <a:endParaRPr lang="en-US" sz="1000" i="1" dirty="0">
              <a:latin typeface="Verdana"/>
            </a:endParaRPr>
          </a:p>
          <a:p>
            <a:pPr>
              <a:spcBef>
                <a:spcPts val="432"/>
              </a:spcBef>
            </a:pPr>
            <a:endParaRPr lang="en-US" sz="1000" i="1" dirty="0"/>
          </a:p>
        </p:txBody>
      </p:sp>
      <p:pic>
        <p:nvPicPr>
          <p:cNvPr id="17" name="Picture 2" descr="Logo&#10;&#10;Description automatically generated">
            <a:extLst>
              <a:ext uri="{FF2B5EF4-FFF2-40B4-BE49-F238E27FC236}">
                <a16:creationId xmlns:a16="http://schemas.microsoft.com/office/drawing/2014/main" id="{93C39631-6075-17BE-CAA3-4E36938CB6D1}"/>
              </a:ext>
            </a:extLst>
          </p:cNvPr>
          <p:cNvPicPr>
            <a:picLocks noChangeAspect="1"/>
          </p:cNvPicPr>
          <p:nvPr/>
        </p:nvPicPr>
        <p:blipFill rotWithShape="1">
          <a:blip r:embed="rId8"/>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220908629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AE16E88-519C-2642-DD91-4EA8F5CA0CA8}"/>
              </a:ext>
            </a:extLst>
          </p:cNvPr>
          <p:cNvSpPr>
            <a:spLocks noGrp="1"/>
          </p:cNvSpPr>
          <p:nvPr>
            <p:ph type="title"/>
          </p:nvPr>
        </p:nvSpPr>
        <p:spPr/>
        <p:txBody>
          <a:bodyPr/>
          <a:lstStyle/>
          <a:p>
            <a:r>
              <a:rPr lang="en-GB" dirty="0" err="1">
                <a:cs typeface="Arial"/>
              </a:rPr>
              <a:t>KmerFinder</a:t>
            </a:r>
            <a:r>
              <a:rPr lang="en-GB" dirty="0">
                <a:cs typeface="Arial"/>
              </a:rPr>
              <a:t> webtool</a:t>
            </a:r>
            <a:endParaRPr lang="en-GB" dirty="0"/>
          </a:p>
        </p:txBody>
      </p:sp>
      <p:pic>
        <p:nvPicPr>
          <p:cNvPr id="5" name="Picture 5" descr="Graphical user interface, application, email&#10;&#10;Description automatically generated">
            <a:extLst>
              <a:ext uri="{FF2B5EF4-FFF2-40B4-BE49-F238E27FC236}">
                <a16:creationId xmlns:a16="http://schemas.microsoft.com/office/drawing/2014/main" id="{E8B9EB47-B8D2-738E-0BF1-CBDA37457B6A}"/>
              </a:ext>
            </a:extLst>
          </p:cNvPr>
          <p:cNvPicPr>
            <a:picLocks noGrp="1" noChangeAspect="1"/>
          </p:cNvPicPr>
          <p:nvPr>
            <p:ph idx="1"/>
          </p:nvPr>
        </p:nvPicPr>
        <p:blipFill>
          <a:blip r:embed="rId2"/>
          <a:stretch>
            <a:fillRect/>
          </a:stretch>
        </p:blipFill>
        <p:spPr>
          <a:xfrm>
            <a:off x="1898967" y="1711979"/>
            <a:ext cx="8567317" cy="4545578"/>
          </a:xfrm>
        </p:spPr>
      </p:pic>
      <p:sp>
        <p:nvSpPr>
          <p:cNvPr id="4" name="Slide Number Placeholder 3">
            <a:extLst>
              <a:ext uri="{FF2B5EF4-FFF2-40B4-BE49-F238E27FC236}">
                <a16:creationId xmlns:a16="http://schemas.microsoft.com/office/drawing/2014/main" id="{02F81B88-0757-6803-D5DD-FE39598BFA39}"/>
              </a:ext>
            </a:extLst>
          </p:cNvPr>
          <p:cNvSpPr>
            <a:spLocks noGrp="1"/>
          </p:cNvSpPr>
          <p:nvPr>
            <p:ph type="sldNum" sz="quarter" idx="11"/>
          </p:nvPr>
        </p:nvSpPr>
        <p:spPr/>
        <p:txBody>
          <a:bodyPr/>
          <a:lstStyle/>
          <a:p>
            <a:fld id="{103EA872-A674-449B-A120-B97244F8E91D}" type="slidenum">
              <a:rPr lang="en-GB" smtClean="0"/>
              <a:pPr/>
              <a:t>19</a:t>
            </a:fld>
            <a:endParaRPr lang="en-GB"/>
          </a:p>
        </p:txBody>
      </p:sp>
      <p:sp>
        <p:nvSpPr>
          <p:cNvPr id="3" name="TextBox 2">
            <a:extLst>
              <a:ext uri="{FF2B5EF4-FFF2-40B4-BE49-F238E27FC236}">
                <a16:creationId xmlns:a16="http://schemas.microsoft.com/office/drawing/2014/main" id="{267F4726-E893-A0BB-0D26-86C219235B7A}"/>
              </a:ext>
            </a:extLst>
          </p:cNvPr>
          <p:cNvSpPr txBox="1"/>
          <p:nvPr/>
        </p:nvSpPr>
        <p:spPr>
          <a:xfrm>
            <a:off x="8015235" y="6388959"/>
            <a:ext cx="5216459" cy="153888"/>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spcBef>
                <a:spcPts val="432"/>
              </a:spcBef>
            </a:pPr>
            <a:r>
              <a:rPr lang="en-GB" sz="1000" i="1" dirty="0">
                <a:latin typeface="Verdana"/>
                <a:ea typeface="Verdana"/>
              </a:rPr>
              <a:t>https://cge.food.dtu.dk/services/KmerFinder/</a:t>
            </a:r>
            <a:endParaRPr lang="en-US" sz="1000" i="1"/>
          </a:p>
        </p:txBody>
      </p:sp>
      <p:pic>
        <p:nvPicPr>
          <p:cNvPr id="7" name="Picture 2" descr="Logo&#10;&#10;Description automatically generated">
            <a:extLst>
              <a:ext uri="{FF2B5EF4-FFF2-40B4-BE49-F238E27FC236}">
                <a16:creationId xmlns:a16="http://schemas.microsoft.com/office/drawing/2014/main" id="{E2DEACD5-3662-2F16-5467-137673910D6D}"/>
              </a:ext>
            </a:extLst>
          </p:cNvPr>
          <p:cNvPicPr>
            <a:picLocks noChangeAspect="1"/>
          </p:cNvPicPr>
          <p:nvPr/>
        </p:nvPicPr>
        <p:blipFill rotWithShape="1">
          <a:blip r:embed="rId3"/>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6271960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Subjects this morning</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197485" indent="-197485"/>
            <a:r>
              <a:rPr lang="en-GB" dirty="0"/>
              <a:t>Annotation</a:t>
            </a:r>
            <a:endParaRPr lang="en-US" dirty="0"/>
          </a:p>
          <a:p>
            <a:pPr marL="413385" lvl="1" indent="-197485"/>
            <a:r>
              <a:rPr lang="en-GB" dirty="0"/>
              <a:t>Full genome annotation</a:t>
            </a:r>
            <a:endParaRPr lang="en-GB" dirty="0">
              <a:cs typeface="Arial"/>
            </a:endParaRPr>
          </a:p>
          <a:p>
            <a:pPr marL="413385" lvl="1" indent="-197485"/>
            <a:r>
              <a:rPr lang="en-GB" dirty="0"/>
              <a:t>Functional annotation</a:t>
            </a:r>
          </a:p>
          <a:p>
            <a:pPr marL="413385" lvl="1" indent="-197485"/>
            <a:r>
              <a:rPr lang="en-GB" dirty="0"/>
              <a:t>How do we predict?</a:t>
            </a:r>
            <a:endParaRPr lang="en-GB" dirty="0">
              <a:cs typeface="Arial"/>
            </a:endParaRPr>
          </a:p>
          <a:p>
            <a:pPr marL="615315" lvl="2" indent="-197485"/>
            <a:r>
              <a:rPr lang="en-GB" dirty="0" err="1"/>
              <a:t>Kmer</a:t>
            </a:r>
            <a:endParaRPr lang="en-GB" dirty="0">
              <a:cs typeface="Arial"/>
            </a:endParaRPr>
          </a:p>
          <a:p>
            <a:pPr marL="615315" lvl="2" indent="-197485"/>
            <a:r>
              <a:rPr lang="en-GB" dirty="0"/>
              <a:t>Seed and extend </a:t>
            </a:r>
            <a:endParaRPr lang="en-GB" dirty="0">
              <a:cs typeface="Arial"/>
            </a:endParaRPr>
          </a:p>
          <a:p>
            <a:pPr marL="413385" lvl="1" indent="-197485"/>
            <a:r>
              <a:rPr lang="en-GB" dirty="0"/>
              <a:t>Identification of genes of interest</a:t>
            </a:r>
            <a:endParaRPr lang="en-GB" dirty="0">
              <a:cs typeface="Arial"/>
            </a:endParaRPr>
          </a:p>
          <a:p>
            <a:pPr marL="615315" lvl="2" indent="-197485"/>
            <a:r>
              <a:rPr lang="en-GB" dirty="0">
                <a:cs typeface="Arial"/>
              </a:rPr>
              <a:t>Database considerations</a:t>
            </a:r>
          </a:p>
          <a:p>
            <a:pPr marL="615315" lvl="2" indent="-197485"/>
            <a:r>
              <a:rPr lang="en-GB" dirty="0"/>
              <a:t>AMR</a:t>
            </a:r>
            <a:endParaRPr lang="en-GB" dirty="0">
              <a:cs typeface="Arial"/>
            </a:endParaRPr>
          </a:p>
          <a:p>
            <a:pPr marL="615315" lvl="2" indent="-197485"/>
            <a:r>
              <a:rPr lang="en-GB" dirty="0">
                <a:cs typeface="Arial"/>
              </a:rPr>
              <a:t>How to make your own database</a:t>
            </a:r>
          </a:p>
          <a:p>
            <a:pPr marL="615315" lvl="2" indent="-197485"/>
            <a:r>
              <a:rPr lang="en-GB" dirty="0"/>
              <a:t>Replicons</a:t>
            </a:r>
            <a:endParaRPr lang="en-GB" dirty="0">
              <a:cs typeface="Arial"/>
            </a:endParaRPr>
          </a:p>
          <a:p>
            <a:pPr marL="413385" lvl="1" indent="-197485"/>
            <a:endParaRPr lang="en-GB" dirty="0">
              <a:cs typeface="Arial"/>
            </a:endParaRPr>
          </a:p>
          <a:p>
            <a:pPr marL="615315" lvl="2" indent="-197485"/>
            <a:endParaRPr lang="en-GB" dirty="0">
              <a:cs typeface="Arial"/>
            </a:endParaRPr>
          </a:p>
          <a:p>
            <a:pPr marL="413385" lvl="1" indent="-197485"/>
            <a:endParaRPr lang="en-GB" dirty="0">
              <a:cs typeface="Aria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a:p>
        </p:txBody>
      </p:sp>
      <p:pic>
        <p:nvPicPr>
          <p:cNvPr id="3" name="Picture 2" descr="Logo&#10;&#10;Description automatically generated">
            <a:extLst>
              <a:ext uri="{FF2B5EF4-FFF2-40B4-BE49-F238E27FC236}">
                <a16:creationId xmlns:a16="http://schemas.microsoft.com/office/drawing/2014/main" id="{0DE8A0F9-8866-B9DC-B434-2C25EE13E330}"/>
              </a:ext>
            </a:extLst>
          </p:cNvPr>
          <p:cNvPicPr>
            <a:picLocks noChangeAspect="1"/>
          </p:cNvPicPr>
          <p:nvPr/>
        </p:nvPicPr>
        <p:blipFill rotWithShape="1">
          <a:blip r:embed="rId5"/>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179638125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5D52CDF-7472-5573-E651-280480B63D6D}"/>
              </a:ext>
            </a:extLst>
          </p:cNvPr>
          <p:cNvSpPr>
            <a:spLocks noGrp="1"/>
          </p:cNvSpPr>
          <p:nvPr>
            <p:ph type="title"/>
          </p:nvPr>
        </p:nvSpPr>
        <p:spPr/>
        <p:txBody>
          <a:bodyPr/>
          <a:lstStyle/>
          <a:p>
            <a:r>
              <a:rPr lang="en-GB" dirty="0" err="1">
                <a:cs typeface="Arial"/>
              </a:rPr>
              <a:t>Kmer</a:t>
            </a:r>
            <a:r>
              <a:rPr lang="en-GB" dirty="0">
                <a:cs typeface="Arial"/>
              </a:rPr>
              <a:t> webtool output</a:t>
            </a:r>
            <a:endParaRPr lang="en-GB" dirty="0"/>
          </a:p>
        </p:txBody>
      </p:sp>
      <p:pic>
        <p:nvPicPr>
          <p:cNvPr id="5" name="Picture 5" descr="Table, calendar&#10;&#10;Description automatically generated">
            <a:extLst>
              <a:ext uri="{FF2B5EF4-FFF2-40B4-BE49-F238E27FC236}">
                <a16:creationId xmlns:a16="http://schemas.microsoft.com/office/drawing/2014/main" id="{344B583E-2C5C-BE38-E88E-31469E943419}"/>
              </a:ext>
            </a:extLst>
          </p:cNvPr>
          <p:cNvPicPr>
            <a:picLocks noGrp="1" noChangeAspect="1"/>
          </p:cNvPicPr>
          <p:nvPr>
            <p:ph idx="1"/>
          </p:nvPr>
        </p:nvPicPr>
        <p:blipFill>
          <a:blip r:embed="rId2"/>
          <a:stretch>
            <a:fillRect/>
          </a:stretch>
        </p:blipFill>
        <p:spPr>
          <a:xfrm>
            <a:off x="3054005" y="1706328"/>
            <a:ext cx="6754524" cy="4545578"/>
          </a:xfrm>
        </p:spPr>
      </p:pic>
      <p:sp>
        <p:nvSpPr>
          <p:cNvPr id="4" name="Slide Number Placeholder 3">
            <a:extLst>
              <a:ext uri="{FF2B5EF4-FFF2-40B4-BE49-F238E27FC236}">
                <a16:creationId xmlns:a16="http://schemas.microsoft.com/office/drawing/2014/main" id="{5D705A6D-FD46-151A-AE28-01372680412E}"/>
              </a:ext>
            </a:extLst>
          </p:cNvPr>
          <p:cNvSpPr>
            <a:spLocks noGrp="1"/>
          </p:cNvSpPr>
          <p:nvPr>
            <p:ph type="sldNum" sz="quarter" idx="11"/>
          </p:nvPr>
        </p:nvSpPr>
        <p:spPr/>
        <p:txBody>
          <a:bodyPr/>
          <a:lstStyle/>
          <a:p>
            <a:fld id="{103EA872-A674-449B-A120-B97244F8E91D}" type="slidenum">
              <a:rPr lang="en-GB" smtClean="0"/>
              <a:pPr/>
              <a:t>20</a:t>
            </a:fld>
            <a:endParaRPr lang="en-GB"/>
          </a:p>
        </p:txBody>
      </p:sp>
      <p:sp>
        <p:nvSpPr>
          <p:cNvPr id="7" name="TextBox 6">
            <a:extLst>
              <a:ext uri="{FF2B5EF4-FFF2-40B4-BE49-F238E27FC236}">
                <a16:creationId xmlns:a16="http://schemas.microsoft.com/office/drawing/2014/main" id="{1F66685F-20BC-BC39-7CCF-467C218ED5A2}"/>
              </a:ext>
            </a:extLst>
          </p:cNvPr>
          <p:cNvSpPr txBox="1"/>
          <p:nvPr/>
        </p:nvSpPr>
        <p:spPr>
          <a:xfrm>
            <a:off x="5205866" y="6385314"/>
            <a:ext cx="6030981" cy="359073"/>
          </a:xfrm>
          <a:prstGeom prst="rect">
            <a:avLst/>
          </a:prstGeom>
          <a:noFill/>
        </p:spPr>
        <p:txBody>
          <a:bodyPr wrap="square" lIns="0" tIns="0" rIns="0" bIns="0" rtlCol="0" anchor="t">
            <a:spAutoFit/>
          </a:bodyPr>
          <a:lstStyle/>
          <a:p>
            <a:pPr>
              <a:spcBef>
                <a:spcPts val="432"/>
              </a:spcBef>
            </a:pPr>
            <a:r>
              <a:rPr lang="en-US" sz="1000" i="1" dirty="0">
                <a:latin typeface="Verdana"/>
                <a:ea typeface="ＭＳ Ｐゴシック"/>
              </a:rPr>
              <a:t>Source: Introduction to CGE tools, presentation by </a:t>
            </a:r>
            <a:r>
              <a:rPr lang="en-US" sz="1000" i="1" dirty="0" err="1">
                <a:latin typeface="Verdana"/>
                <a:ea typeface="ＭＳ Ｐゴシック"/>
              </a:rPr>
              <a:t>Pimpalas</a:t>
            </a:r>
            <a:r>
              <a:rPr lang="en-US" sz="1000" i="1" dirty="0">
                <a:latin typeface="Verdana"/>
                <a:ea typeface="ＭＳ Ｐゴシック"/>
              </a:rPr>
              <a:t> </a:t>
            </a:r>
            <a:r>
              <a:rPr lang="en-US" sz="1000" i="1" dirty="0" err="1">
                <a:latin typeface="Verdana"/>
                <a:ea typeface="ＭＳ Ｐゴシック"/>
                <a:cs typeface="Helvetica"/>
              </a:rPr>
              <a:t>Leekitcharoenphon</a:t>
            </a:r>
            <a:r>
              <a:rPr lang="en-US" sz="1000" i="1" dirty="0">
                <a:latin typeface="Verdana"/>
                <a:ea typeface="ＭＳ Ｐゴシック"/>
                <a:cs typeface="Helvetica"/>
              </a:rPr>
              <a:t> </a:t>
            </a:r>
            <a:endParaRPr lang="en-US" sz="1000" i="1" dirty="0">
              <a:latin typeface="Verdana"/>
            </a:endParaRPr>
          </a:p>
          <a:p>
            <a:pPr>
              <a:spcBef>
                <a:spcPts val="432"/>
              </a:spcBef>
            </a:pPr>
            <a:endParaRPr lang="en-US" sz="1000" i="1" dirty="0"/>
          </a:p>
        </p:txBody>
      </p:sp>
      <p:pic>
        <p:nvPicPr>
          <p:cNvPr id="6" name="Picture 2" descr="Logo&#10;&#10;Description automatically generated">
            <a:extLst>
              <a:ext uri="{FF2B5EF4-FFF2-40B4-BE49-F238E27FC236}">
                <a16:creationId xmlns:a16="http://schemas.microsoft.com/office/drawing/2014/main" id="{1E85F424-72E0-E881-71E2-7167B728F778}"/>
              </a:ext>
            </a:extLst>
          </p:cNvPr>
          <p:cNvPicPr>
            <a:picLocks noChangeAspect="1"/>
          </p:cNvPicPr>
          <p:nvPr/>
        </p:nvPicPr>
        <p:blipFill rotWithShape="1">
          <a:blip r:embed="rId3"/>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3760615259"/>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5D52CDF-7472-5573-E651-280480B63D6D}"/>
              </a:ext>
            </a:extLst>
          </p:cNvPr>
          <p:cNvSpPr>
            <a:spLocks noGrp="1"/>
          </p:cNvSpPr>
          <p:nvPr>
            <p:ph type="title"/>
          </p:nvPr>
        </p:nvSpPr>
        <p:spPr/>
        <p:txBody>
          <a:bodyPr/>
          <a:lstStyle/>
          <a:p>
            <a:r>
              <a:rPr lang="en-GB" dirty="0" err="1">
                <a:cs typeface="Arial"/>
              </a:rPr>
              <a:t>Kmer</a:t>
            </a:r>
            <a:r>
              <a:rPr lang="en-GB" dirty="0">
                <a:cs typeface="Arial"/>
              </a:rPr>
              <a:t> webtool output</a:t>
            </a:r>
            <a:endParaRPr lang="en-GB" dirty="0"/>
          </a:p>
        </p:txBody>
      </p:sp>
      <p:sp>
        <p:nvSpPr>
          <p:cNvPr id="4" name="Slide Number Placeholder 3">
            <a:extLst>
              <a:ext uri="{FF2B5EF4-FFF2-40B4-BE49-F238E27FC236}">
                <a16:creationId xmlns:a16="http://schemas.microsoft.com/office/drawing/2014/main" id="{5D705A6D-FD46-151A-AE28-01372680412E}"/>
              </a:ext>
            </a:extLst>
          </p:cNvPr>
          <p:cNvSpPr>
            <a:spLocks noGrp="1"/>
          </p:cNvSpPr>
          <p:nvPr>
            <p:ph type="sldNum" sz="quarter" idx="11"/>
          </p:nvPr>
        </p:nvSpPr>
        <p:spPr/>
        <p:txBody>
          <a:bodyPr/>
          <a:lstStyle/>
          <a:p>
            <a:fld id="{103EA872-A674-449B-A120-B97244F8E91D}" type="slidenum">
              <a:rPr lang="en-GB" smtClean="0"/>
              <a:pPr/>
              <a:t>21</a:t>
            </a:fld>
            <a:endParaRPr lang="en-GB"/>
          </a:p>
        </p:txBody>
      </p:sp>
      <p:pic>
        <p:nvPicPr>
          <p:cNvPr id="7" name="Picture 7" descr="Table&#10;&#10;Description automatically generated">
            <a:extLst>
              <a:ext uri="{FF2B5EF4-FFF2-40B4-BE49-F238E27FC236}">
                <a16:creationId xmlns:a16="http://schemas.microsoft.com/office/drawing/2014/main" id="{B637299C-D2D4-A2AF-0A8D-9CC6F9D2315A}"/>
              </a:ext>
            </a:extLst>
          </p:cNvPr>
          <p:cNvPicPr>
            <a:picLocks noGrp="1" noChangeAspect="1"/>
          </p:cNvPicPr>
          <p:nvPr>
            <p:ph idx="1"/>
          </p:nvPr>
        </p:nvPicPr>
        <p:blipFill>
          <a:blip r:embed="rId2"/>
          <a:stretch>
            <a:fillRect/>
          </a:stretch>
        </p:blipFill>
        <p:spPr>
          <a:xfrm>
            <a:off x="3046078" y="1706328"/>
            <a:ext cx="6770376" cy="4545578"/>
          </a:xfrm>
        </p:spPr>
      </p:pic>
      <p:sp>
        <p:nvSpPr>
          <p:cNvPr id="9" name="TextBox 8">
            <a:extLst>
              <a:ext uri="{FF2B5EF4-FFF2-40B4-BE49-F238E27FC236}">
                <a16:creationId xmlns:a16="http://schemas.microsoft.com/office/drawing/2014/main" id="{D7869F67-A6A1-74A6-32E5-BDA12AF330FA}"/>
              </a:ext>
            </a:extLst>
          </p:cNvPr>
          <p:cNvSpPr txBox="1"/>
          <p:nvPr/>
        </p:nvSpPr>
        <p:spPr>
          <a:xfrm>
            <a:off x="5205866" y="6385314"/>
            <a:ext cx="6030981" cy="359073"/>
          </a:xfrm>
          <a:prstGeom prst="rect">
            <a:avLst/>
          </a:prstGeom>
          <a:noFill/>
        </p:spPr>
        <p:txBody>
          <a:bodyPr wrap="square" lIns="0" tIns="0" rIns="0" bIns="0" rtlCol="0" anchor="t">
            <a:spAutoFit/>
          </a:bodyPr>
          <a:lstStyle/>
          <a:p>
            <a:pPr>
              <a:spcBef>
                <a:spcPts val="432"/>
              </a:spcBef>
            </a:pPr>
            <a:r>
              <a:rPr lang="en-US" sz="1000" i="1" dirty="0">
                <a:latin typeface="Verdana"/>
                <a:ea typeface="ＭＳ Ｐゴシック"/>
              </a:rPr>
              <a:t>Source: Introduction to CGE tools, presentation by </a:t>
            </a:r>
            <a:r>
              <a:rPr lang="en-US" sz="1000" i="1" dirty="0" err="1">
                <a:latin typeface="Verdana"/>
                <a:ea typeface="ＭＳ Ｐゴシック"/>
              </a:rPr>
              <a:t>Pimpalas</a:t>
            </a:r>
            <a:r>
              <a:rPr lang="en-US" sz="1000" i="1" dirty="0">
                <a:latin typeface="Verdana"/>
                <a:ea typeface="ＭＳ Ｐゴシック"/>
              </a:rPr>
              <a:t> </a:t>
            </a:r>
            <a:r>
              <a:rPr lang="en-US" sz="1000" i="1" dirty="0" err="1">
                <a:latin typeface="Verdana"/>
                <a:ea typeface="ＭＳ Ｐゴシック"/>
                <a:cs typeface="Helvetica"/>
              </a:rPr>
              <a:t>Leekitcharoenphon</a:t>
            </a:r>
            <a:r>
              <a:rPr lang="en-US" sz="1000" i="1" dirty="0">
                <a:latin typeface="Verdana"/>
                <a:ea typeface="ＭＳ Ｐゴシック"/>
                <a:cs typeface="Helvetica"/>
              </a:rPr>
              <a:t> </a:t>
            </a:r>
            <a:endParaRPr lang="en-US" sz="1000" i="1" dirty="0">
              <a:latin typeface="Verdana"/>
            </a:endParaRPr>
          </a:p>
          <a:p>
            <a:pPr>
              <a:spcBef>
                <a:spcPts val="432"/>
              </a:spcBef>
            </a:pPr>
            <a:endParaRPr lang="en-US" sz="1000" i="1" dirty="0"/>
          </a:p>
        </p:txBody>
      </p:sp>
      <p:pic>
        <p:nvPicPr>
          <p:cNvPr id="5" name="Picture 2" descr="Logo&#10;&#10;Description automatically generated">
            <a:extLst>
              <a:ext uri="{FF2B5EF4-FFF2-40B4-BE49-F238E27FC236}">
                <a16:creationId xmlns:a16="http://schemas.microsoft.com/office/drawing/2014/main" id="{CE5B74CC-63A1-77E1-23E4-A3C5B2ED0096}"/>
              </a:ext>
            </a:extLst>
          </p:cNvPr>
          <p:cNvPicPr>
            <a:picLocks noChangeAspect="1"/>
          </p:cNvPicPr>
          <p:nvPr/>
        </p:nvPicPr>
        <p:blipFill rotWithShape="1">
          <a:blip r:embed="rId3"/>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3549023788"/>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5D52CDF-7472-5573-E651-280480B63D6D}"/>
              </a:ext>
            </a:extLst>
          </p:cNvPr>
          <p:cNvSpPr>
            <a:spLocks noGrp="1"/>
          </p:cNvSpPr>
          <p:nvPr>
            <p:ph type="title"/>
          </p:nvPr>
        </p:nvSpPr>
        <p:spPr/>
        <p:txBody>
          <a:bodyPr/>
          <a:lstStyle/>
          <a:p>
            <a:r>
              <a:rPr lang="en-GB" dirty="0" err="1">
                <a:cs typeface="Arial"/>
              </a:rPr>
              <a:t>Kmer</a:t>
            </a:r>
            <a:r>
              <a:rPr lang="en-GB" dirty="0">
                <a:cs typeface="Arial"/>
              </a:rPr>
              <a:t> webtool output</a:t>
            </a:r>
            <a:endParaRPr lang="en-GB" dirty="0"/>
          </a:p>
        </p:txBody>
      </p:sp>
      <p:sp>
        <p:nvSpPr>
          <p:cNvPr id="4" name="Slide Number Placeholder 3">
            <a:extLst>
              <a:ext uri="{FF2B5EF4-FFF2-40B4-BE49-F238E27FC236}">
                <a16:creationId xmlns:a16="http://schemas.microsoft.com/office/drawing/2014/main" id="{5D705A6D-FD46-151A-AE28-01372680412E}"/>
              </a:ext>
            </a:extLst>
          </p:cNvPr>
          <p:cNvSpPr>
            <a:spLocks noGrp="1"/>
          </p:cNvSpPr>
          <p:nvPr>
            <p:ph type="sldNum" sz="quarter" idx="11"/>
          </p:nvPr>
        </p:nvSpPr>
        <p:spPr/>
        <p:txBody>
          <a:bodyPr/>
          <a:lstStyle/>
          <a:p>
            <a:fld id="{103EA872-A674-449B-A120-B97244F8E91D}" type="slidenum">
              <a:rPr lang="en-GB" smtClean="0"/>
              <a:pPr/>
              <a:t>22</a:t>
            </a:fld>
            <a:endParaRPr lang="en-GB"/>
          </a:p>
        </p:txBody>
      </p:sp>
      <p:pic>
        <p:nvPicPr>
          <p:cNvPr id="7" name="Picture 7" descr="Table&#10;&#10;Description automatically generated">
            <a:extLst>
              <a:ext uri="{FF2B5EF4-FFF2-40B4-BE49-F238E27FC236}">
                <a16:creationId xmlns:a16="http://schemas.microsoft.com/office/drawing/2014/main" id="{B1D9F793-5B47-BD4B-7168-21FDA79FDF64}"/>
              </a:ext>
            </a:extLst>
          </p:cNvPr>
          <p:cNvPicPr>
            <a:picLocks noGrp="1" noChangeAspect="1"/>
          </p:cNvPicPr>
          <p:nvPr>
            <p:ph idx="1"/>
          </p:nvPr>
        </p:nvPicPr>
        <p:blipFill>
          <a:blip r:embed="rId2"/>
          <a:stretch>
            <a:fillRect/>
          </a:stretch>
        </p:blipFill>
        <p:spPr>
          <a:xfrm>
            <a:off x="3075107" y="1706328"/>
            <a:ext cx="6714499" cy="4545578"/>
          </a:xfrm>
        </p:spPr>
      </p:pic>
      <p:sp>
        <p:nvSpPr>
          <p:cNvPr id="9" name="TextBox 8">
            <a:extLst>
              <a:ext uri="{FF2B5EF4-FFF2-40B4-BE49-F238E27FC236}">
                <a16:creationId xmlns:a16="http://schemas.microsoft.com/office/drawing/2014/main" id="{AB0FF8DE-006D-C104-3EA7-42D45DAEA56A}"/>
              </a:ext>
            </a:extLst>
          </p:cNvPr>
          <p:cNvSpPr txBox="1"/>
          <p:nvPr/>
        </p:nvSpPr>
        <p:spPr>
          <a:xfrm>
            <a:off x="5205866" y="6385314"/>
            <a:ext cx="6030981" cy="359073"/>
          </a:xfrm>
          <a:prstGeom prst="rect">
            <a:avLst/>
          </a:prstGeom>
          <a:noFill/>
        </p:spPr>
        <p:txBody>
          <a:bodyPr wrap="square" lIns="0" tIns="0" rIns="0" bIns="0" rtlCol="0" anchor="t">
            <a:spAutoFit/>
          </a:bodyPr>
          <a:lstStyle/>
          <a:p>
            <a:pPr>
              <a:spcBef>
                <a:spcPts val="432"/>
              </a:spcBef>
            </a:pPr>
            <a:r>
              <a:rPr lang="en-US" sz="1000" i="1" dirty="0">
                <a:latin typeface="Verdana"/>
                <a:ea typeface="ＭＳ Ｐゴシック"/>
              </a:rPr>
              <a:t>Source: Introduction to CGE tools, presentation by </a:t>
            </a:r>
            <a:r>
              <a:rPr lang="en-US" sz="1000" i="1" dirty="0" err="1">
                <a:latin typeface="Verdana"/>
                <a:ea typeface="ＭＳ Ｐゴシック"/>
              </a:rPr>
              <a:t>Pimpalas</a:t>
            </a:r>
            <a:r>
              <a:rPr lang="en-US" sz="1000" i="1" dirty="0">
                <a:latin typeface="Verdana"/>
                <a:ea typeface="ＭＳ Ｐゴシック"/>
              </a:rPr>
              <a:t> </a:t>
            </a:r>
            <a:r>
              <a:rPr lang="en-US" sz="1000" i="1" dirty="0" err="1">
                <a:latin typeface="Verdana"/>
                <a:ea typeface="ＭＳ Ｐゴシック"/>
                <a:cs typeface="Helvetica"/>
              </a:rPr>
              <a:t>Leekitcharoenphon</a:t>
            </a:r>
            <a:r>
              <a:rPr lang="en-US" sz="1000" i="1" dirty="0">
                <a:latin typeface="Verdana"/>
                <a:ea typeface="ＭＳ Ｐゴシック"/>
                <a:cs typeface="Helvetica"/>
              </a:rPr>
              <a:t> </a:t>
            </a:r>
            <a:endParaRPr lang="en-US" sz="1000" i="1" dirty="0">
              <a:latin typeface="Verdana"/>
            </a:endParaRPr>
          </a:p>
          <a:p>
            <a:pPr>
              <a:spcBef>
                <a:spcPts val="432"/>
              </a:spcBef>
            </a:pPr>
            <a:endParaRPr lang="en-US" sz="1000" i="1" dirty="0"/>
          </a:p>
        </p:txBody>
      </p:sp>
      <p:pic>
        <p:nvPicPr>
          <p:cNvPr id="5" name="Picture 2" descr="Logo&#10;&#10;Description automatically generated">
            <a:extLst>
              <a:ext uri="{FF2B5EF4-FFF2-40B4-BE49-F238E27FC236}">
                <a16:creationId xmlns:a16="http://schemas.microsoft.com/office/drawing/2014/main" id="{3F0DE858-A496-44A6-2550-E13F3508FFB7}"/>
              </a:ext>
            </a:extLst>
          </p:cNvPr>
          <p:cNvPicPr>
            <a:picLocks noChangeAspect="1"/>
          </p:cNvPicPr>
          <p:nvPr/>
        </p:nvPicPr>
        <p:blipFill rotWithShape="1">
          <a:blip r:embed="rId3"/>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237990795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5D52CDF-7472-5573-E651-280480B63D6D}"/>
              </a:ext>
            </a:extLst>
          </p:cNvPr>
          <p:cNvSpPr>
            <a:spLocks noGrp="1"/>
          </p:cNvSpPr>
          <p:nvPr>
            <p:ph type="title"/>
          </p:nvPr>
        </p:nvSpPr>
        <p:spPr/>
        <p:txBody>
          <a:bodyPr/>
          <a:lstStyle/>
          <a:p>
            <a:r>
              <a:rPr lang="en-GB" dirty="0" err="1">
                <a:cs typeface="Arial"/>
              </a:rPr>
              <a:t>Kmer</a:t>
            </a:r>
            <a:r>
              <a:rPr lang="en-GB" dirty="0">
                <a:cs typeface="Arial"/>
              </a:rPr>
              <a:t> webtool output</a:t>
            </a:r>
            <a:endParaRPr lang="en-GB" dirty="0"/>
          </a:p>
        </p:txBody>
      </p:sp>
      <p:sp>
        <p:nvSpPr>
          <p:cNvPr id="4" name="Slide Number Placeholder 3">
            <a:extLst>
              <a:ext uri="{FF2B5EF4-FFF2-40B4-BE49-F238E27FC236}">
                <a16:creationId xmlns:a16="http://schemas.microsoft.com/office/drawing/2014/main" id="{5D705A6D-FD46-151A-AE28-01372680412E}"/>
              </a:ext>
            </a:extLst>
          </p:cNvPr>
          <p:cNvSpPr>
            <a:spLocks noGrp="1"/>
          </p:cNvSpPr>
          <p:nvPr>
            <p:ph type="sldNum" sz="quarter" idx="11"/>
          </p:nvPr>
        </p:nvSpPr>
        <p:spPr/>
        <p:txBody>
          <a:bodyPr/>
          <a:lstStyle/>
          <a:p>
            <a:fld id="{103EA872-A674-449B-A120-B97244F8E91D}" type="slidenum">
              <a:rPr lang="en-GB" smtClean="0"/>
              <a:pPr/>
              <a:t>23</a:t>
            </a:fld>
            <a:endParaRPr lang="en-GB"/>
          </a:p>
        </p:txBody>
      </p:sp>
      <p:pic>
        <p:nvPicPr>
          <p:cNvPr id="7" name="Picture 7">
            <a:extLst>
              <a:ext uri="{FF2B5EF4-FFF2-40B4-BE49-F238E27FC236}">
                <a16:creationId xmlns:a16="http://schemas.microsoft.com/office/drawing/2014/main" id="{70B3F9A7-D2EA-42F7-B7EB-FB9E6A637D63}"/>
              </a:ext>
            </a:extLst>
          </p:cNvPr>
          <p:cNvPicPr>
            <a:picLocks noGrp="1" noChangeAspect="1"/>
          </p:cNvPicPr>
          <p:nvPr>
            <p:ph idx="1"/>
          </p:nvPr>
        </p:nvPicPr>
        <p:blipFill>
          <a:blip r:embed="rId2"/>
          <a:stretch>
            <a:fillRect/>
          </a:stretch>
        </p:blipFill>
        <p:spPr>
          <a:xfrm>
            <a:off x="3136803" y="1706328"/>
            <a:ext cx="6591108" cy="4545578"/>
          </a:xfrm>
        </p:spPr>
      </p:pic>
      <p:sp>
        <p:nvSpPr>
          <p:cNvPr id="9" name="TextBox 8">
            <a:extLst>
              <a:ext uri="{FF2B5EF4-FFF2-40B4-BE49-F238E27FC236}">
                <a16:creationId xmlns:a16="http://schemas.microsoft.com/office/drawing/2014/main" id="{DE649C81-E397-FACD-1704-AE0610A3CC4B}"/>
              </a:ext>
            </a:extLst>
          </p:cNvPr>
          <p:cNvSpPr txBox="1"/>
          <p:nvPr/>
        </p:nvSpPr>
        <p:spPr>
          <a:xfrm>
            <a:off x="5205866" y="6385314"/>
            <a:ext cx="6030981" cy="359073"/>
          </a:xfrm>
          <a:prstGeom prst="rect">
            <a:avLst/>
          </a:prstGeom>
          <a:noFill/>
        </p:spPr>
        <p:txBody>
          <a:bodyPr wrap="square" lIns="0" tIns="0" rIns="0" bIns="0" rtlCol="0" anchor="t">
            <a:spAutoFit/>
          </a:bodyPr>
          <a:lstStyle/>
          <a:p>
            <a:pPr>
              <a:spcBef>
                <a:spcPts val="432"/>
              </a:spcBef>
            </a:pPr>
            <a:r>
              <a:rPr lang="en-US" sz="1000" i="1" dirty="0">
                <a:latin typeface="Verdana"/>
                <a:ea typeface="ＭＳ Ｐゴシック"/>
              </a:rPr>
              <a:t>Source: Introduction to CGE tools, presentation by </a:t>
            </a:r>
            <a:r>
              <a:rPr lang="en-US" sz="1000" i="1" dirty="0" err="1">
                <a:latin typeface="Verdana"/>
                <a:ea typeface="ＭＳ Ｐゴシック"/>
              </a:rPr>
              <a:t>Pimpalas</a:t>
            </a:r>
            <a:r>
              <a:rPr lang="en-US" sz="1000" i="1" dirty="0">
                <a:latin typeface="Verdana"/>
                <a:ea typeface="ＭＳ Ｐゴシック"/>
              </a:rPr>
              <a:t> </a:t>
            </a:r>
            <a:r>
              <a:rPr lang="en-US" sz="1000" i="1" dirty="0" err="1">
                <a:latin typeface="Verdana"/>
                <a:ea typeface="ＭＳ Ｐゴシック"/>
                <a:cs typeface="Helvetica"/>
              </a:rPr>
              <a:t>Leekitcharoenphon</a:t>
            </a:r>
            <a:r>
              <a:rPr lang="en-US" sz="1000" i="1" dirty="0">
                <a:latin typeface="Verdana"/>
                <a:ea typeface="ＭＳ Ｐゴシック"/>
                <a:cs typeface="Helvetica"/>
              </a:rPr>
              <a:t> </a:t>
            </a:r>
            <a:endParaRPr lang="en-US" sz="1000" i="1" dirty="0">
              <a:latin typeface="Verdana"/>
            </a:endParaRPr>
          </a:p>
          <a:p>
            <a:pPr>
              <a:spcBef>
                <a:spcPts val="432"/>
              </a:spcBef>
            </a:pPr>
            <a:endParaRPr lang="en-US" sz="1000" i="1" dirty="0"/>
          </a:p>
        </p:txBody>
      </p:sp>
      <p:pic>
        <p:nvPicPr>
          <p:cNvPr id="5" name="Picture 2" descr="Logo&#10;&#10;Description automatically generated">
            <a:extLst>
              <a:ext uri="{FF2B5EF4-FFF2-40B4-BE49-F238E27FC236}">
                <a16:creationId xmlns:a16="http://schemas.microsoft.com/office/drawing/2014/main" id="{01F7512A-1BBC-FB39-4545-B933703A2803}"/>
              </a:ext>
            </a:extLst>
          </p:cNvPr>
          <p:cNvPicPr>
            <a:picLocks noChangeAspect="1"/>
          </p:cNvPicPr>
          <p:nvPr/>
        </p:nvPicPr>
        <p:blipFill rotWithShape="1">
          <a:blip r:embed="rId3"/>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1926791499"/>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5D52CDF-7472-5573-E651-280480B63D6D}"/>
              </a:ext>
            </a:extLst>
          </p:cNvPr>
          <p:cNvSpPr>
            <a:spLocks noGrp="1"/>
          </p:cNvSpPr>
          <p:nvPr>
            <p:ph type="title"/>
          </p:nvPr>
        </p:nvSpPr>
        <p:spPr/>
        <p:txBody>
          <a:bodyPr/>
          <a:lstStyle/>
          <a:p>
            <a:r>
              <a:rPr lang="en-GB" dirty="0" err="1">
                <a:cs typeface="Arial"/>
              </a:rPr>
              <a:t>Kmer</a:t>
            </a:r>
            <a:r>
              <a:rPr lang="en-GB" dirty="0">
                <a:cs typeface="Arial"/>
              </a:rPr>
              <a:t> webtool output</a:t>
            </a:r>
            <a:endParaRPr lang="en-GB" dirty="0"/>
          </a:p>
        </p:txBody>
      </p:sp>
      <p:sp>
        <p:nvSpPr>
          <p:cNvPr id="4" name="Slide Number Placeholder 3">
            <a:extLst>
              <a:ext uri="{FF2B5EF4-FFF2-40B4-BE49-F238E27FC236}">
                <a16:creationId xmlns:a16="http://schemas.microsoft.com/office/drawing/2014/main" id="{5D705A6D-FD46-151A-AE28-01372680412E}"/>
              </a:ext>
            </a:extLst>
          </p:cNvPr>
          <p:cNvSpPr>
            <a:spLocks noGrp="1"/>
          </p:cNvSpPr>
          <p:nvPr>
            <p:ph type="sldNum" sz="quarter" idx="11"/>
          </p:nvPr>
        </p:nvSpPr>
        <p:spPr/>
        <p:txBody>
          <a:bodyPr/>
          <a:lstStyle/>
          <a:p>
            <a:fld id="{103EA872-A674-449B-A120-B97244F8E91D}" type="slidenum">
              <a:rPr lang="en-GB" smtClean="0"/>
              <a:pPr/>
              <a:t>24</a:t>
            </a:fld>
            <a:endParaRPr lang="en-GB"/>
          </a:p>
        </p:txBody>
      </p:sp>
      <p:pic>
        <p:nvPicPr>
          <p:cNvPr id="6" name="Picture 7" descr="Table&#10;&#10;Description automatically generated">
            <a:extLst>
              <a:ext uri="{FF2B5EF4-FFF2-40B4-BE49-F238E27FC236}">
                <a16:creationId xmlns:a16="http://schemas.microsoft.com/office/drawing/2014/main" id="{63BD19AA-187D-614F-65A6-FE4C3389195A}"/>
              </a:ext>
            </a:extLst>
          </p:cNvPr>
          <p:cNvPicPr>
            <a:picLocks noGrp="1" noChangeAspect="1"/>
          </p:cNvPicPr>
          <p:nvPr>
            <p:ph idx="1"/>
          </p:nvPr>
        </p:nvPicPr>
        <p:blipFill>
          <a:blip r:embed="rId2"/>
          <a:stretch>
            <a:fillRect/>
          </a:stretch>
        </p:blipFill>
        <p:spPr>
          <a:xfrm>
            <a:off x="2988780" y="1706328"/>
            <a:ext cx="6887153" cy="4545578"/>
          </a:xfrm>
        </p:spPr>
      </p:pic>
      <p:sp>
        <p:nvSpPr>
          <p:cNvPr id="9" name="TextBox 8">
            <a:extLst>
              <a:ext uri="{FF2B5EF4-FFF2-40B4-BE49-F238E27FC236}">
                <a16:creationId xmlns:a16="http://schemas.microsoft.com/office/drawing/2014/main" id="{77371597-EC2A-CF7D-C992-031F52F65E27}"/>
              </a:ext>
            </a:extLst>
          </p:cNvPr>
          <p:cNvSpPr txBox="1"/>
          <p:nvPr/>
        </p:nvSpPr>
        <p:spPr>
          <a:xfrm>
            <a:off x="5205866" y="6385314"/>
            <a:ext cx="6030981" cy="359073"/>
          </a:xfrm>
          <a:prstGeom prst="rect">
            <a:avLst/>
          </a:prstGeom>
          <a:noFill/>
        </p:spPr>
        <p:txBody>
          <a:bodyPr wrap="square" lIns="0" tIns="0" rIns="0" bIns="0" rtlCol="0" anchor="t">
            <a:spAutoFit/>
          </a:bodyPr>
          <a:lstStyle/>
          <a:p>
            <a:pPr>
              <a:spcBef>
                <a:spcPts val="432"/>
              </a:spcBef>
            </a:pPr>
            <a:r>
              <a:rPr lang="en-US" sz="1000" i="1" dirty="0">
                <a:latin typeface="Verdana"/>
                <a:ea typeface="ＭＳ Ｐゴシック"/>
              </a:rPr>
              <a:t>Source: Introduction to CGE tools, presentation by </a:t>
            </a:r>
            <a:r>
              <a:rPr lang="en-US" sz="1000" i="1" dirty="0" err="1">
                <a:latin typeface="Verdana"/>
                <a:ea typeface="ＭＳ Ｐゴシック"/>
              </a:rPr>
              <a:t>Pimpalas</a:t>
            </a:r>
            <a:r>
              <a:rPr lang="en-US" sz="1000" i="1" dirty="0">
                <a:latin typeface="Verdana"/>
                <a:ea typeface="ＭＳ Ｐゴシック"/>
              </a:rPr>
              <a:t> </a:t>
            </a:r>
            <a:r>
              <a:rPr lang="en-US" sz="1000" i="1" dirty="0" err="1">
                <a:latin typeface="Verdana"/>
                <a:ea typeface="ＭＳ Ｐゴシック"/>
                <a:cs typeface="Helvetica"/>
              </a:rPr>
              <a:t>Leekitcharoenphon</a:t>
            </a:r>
            <a:r>
              <a:rPr lang="en-US" sz="1000" i="1" dirty="0">
                <a:latin typeface="Verdana"/>
                <a:ea typeface="ＭＳ Ｐゴシック"/>
                <a:cs typeface="Helvetica"/>
              </a:rPr>
              <a:t> </a:t>
            </a:r>
            <a:endParaRPr lang="en-US" sz="1000" i="1" dirty="0">
              <a:latin typeface="Verdana"/>
            </a:endParaRPr>
          </a:p>
          <a:p>
            <a:pPr>
              <a:spcBef>
                <a:spcPts val="432"/>
              </a:spcBef>
            </a:pPr>
            <a:endParaRPr lang="en-US" sz="1000" i="1" dirty="0"/>
          </a:p>
        </p:txBody>
      </p:sp>
      <p:pic>
        <p:nvPicPr>
          <p:cNvPr id="5" name="Picture 2" descr="Logo&#10;&#10;Description automatically generated">
            <a:extLst>
              <a:ext uri="{FF2B5EF4-FFF2-40B4-BE49-F238E27FC236}">
                <a16:creationId xmlns:a16="http://schemas.microsoft.com/office/drawing/2014/main" id="{161E7DD6-C9BD-739F-BFB6-6591BF6F5EB1}"/>
              </a:ext>
            </a:extLst>
          </p:cNvPr>
          <p:cNvPicPr>
            <a:picLocks noChangeAspect="1"/>
          </p:cNvPicPr>
          <p:nvPr/>
        </p:nvPicPr>
        <p:blipFill rotWithShape="1">
          <a:blip r:embed="rId3"/>
          <a:srcRect t="5202" r="-337" b="578"/>
          <a:stretch/>
        </p:blipFill>
        <p:spPr>
          <a:xfrm>
            <a:off x="10234925" y="127261"/>
            <a:ext cx="1967505" cy="1525653"/>
          </a:xfrm>
          <a:prstGeom prst="rect">
            <a:avLst/>
          </a:prstGeom>
        </p:spPr>
      </p:pic>
    </p:spTree>
    <p:extLst>
      <p:ext uri="{BB962C8B-B14F-4D97-AF65-F5344CB8AC3E}">
        <p14:creationId xmlns:p14="http://schemas.microsoft.com/office/powerpoint/2010/main" val="40068100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2" descr="Logo&#10;&#10;Description automatically generated">
            <a:extLst>
              <a:ext uri="{FF2B5EF4-FFF2-40B4-BE49-F238E27FC236}">
                <a16:creationId xmlns:a16="http://schemas.microsoft.com/office/drawing/2014/main" id="{B9A82160-09EF-A2E7-E537-28BE39384649}"/>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Functional annotation AMR</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774726" y="1706328"/>
            <a:ext cx="6192688" cy="4545578"/>
          </a:xfrm>
        </p:spPr>
        <p:txBody>
          <a:bodyPr/>
          <a:lstStyle/>
          <a:p>
            <a:r>
              <a:rPr lang="en-GB"/>
              <a:t>Attaching biological, chemical or otherwise functional information to a DNA sequence</a:t>
            </a:r>
          </a:p>
          <a:p>
            <a:endParaRPr lang="en-GB"/>
          </a:p>
          <a:p>
            <a:r>
              <a:rPr lang="en-GB"/>
              <a:t>Often you are only interested in a limited set of genes, we will look further into AMR</a:t>
            </a:r>
          </a:p>
          <a:p>
            <a:endParaRPr lang="en-GB"/>
          </a:p>
          <a:p>
            <a:r>
              <a:rPr lang="en-GB"/>
              <a:t>AMR is a large threat to public health</a:t>
            </a:r>
          </a:p>
          <a:p>
            <a:pPr lvl="1"/>
            <a:r>
              <a:rPr lang="en-GB"/>
              <a:t>Carried on mobile genetic elements (MGE) -&gt; horizontal gene transfer </a:t>
            </a:r>
          </a:p>
          <a:p>
            <a:pPr lvl="1"/>
            <a:r>
              <a:rPr lang="en-GB"/>
              <a:t>Estimated 1.27 million people died due to AMR in 2019 and estimated up to 10 million deaths by 2050 (Murray et al., 2019) </a:t>
            </a:r>
          </a:p>
          <a:p>
            <a:pPr lvl="1"/>
            <a:r>
              <a:rPr lang="en-GB"/>
              <a:t>Development of new drugs is slow (</a:t>
            </a:r>
            <a:r>
              <a:rPr lang="en-GB" err="1"/>
              <a:t>Norrby</a:t>
            </a:r>
            <a:r>
              <a:rPr lang="en-GB"/>
              <a:t> et al., 2005)</a:t>
            </a:r>
          </a:p>
          <a:p>
            <a:pPr lvl="1"/>
            <a:endParaRPr lang="en-GB"/>
          </a:p>
          <a:p>
            <a:endParaRPr lang="en-GB"/>
          </a:p>
        </p:txBody>
      </p:sp>
      <p:sp>
        <p:nvSpPr>
          <p:cNvPr id="4" name="Slide Number Placeholder 3"/>
          <p:cNvSpPr>
            <a:spLocks noGrp="1"/>
          </p:cNvSpPr>
          <p:nvPr>
            <p:ph type="sldNum" sz="quarter" idx="11"/>
          </p:nvPr>
        </p:nvSpPr>
        <p:spPr/>
        <p:txBody>
          <a:bodyPr/>
          <a:lstStyle/>
          <a:p>
            <a:fld id="{103EA872-A674-449B-A120-B97244F8E91D}" type="slidenum">
              <a:rPr lang="en-GB" smtClean="0"/>
              <a:pPr/>
              <a:t>25</a:t>
            </a:fld>
            <a:endParaRPr lang="en-GB"/>
          </a:p>
        </p:txBody>
      </p:sp>
    </p:spTree>
    <p:custDataLst>
      <p:custData r:id="rId1"/>
      <p:custData r:id="rId2"/>
    </p:custDataLst>
    <p:extLst>
      <p:ext uri="{BB962C8B-B14F-4D97-AF65-F5344CB8AC3E}">
        <p14:creationId xmlns:p14="http://schemas.microsoft.com/office/powerpoint/2010/main" val="422350310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Genetic basis of AMR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6</a:t>
            </a:fld>
            <a:endParaRPr lang="en-GB"/>
          </a:p>
        </p:txBody>
      </p:sp>
      <p:pic>
        <p:nvPicPr>
          <p:cNvPr id="7" name="Content Placeholder 6"/>
          <p:cNvPicPr>
            <a:picLocks noGrp="1" noChangeAspect="1"/>
          </p:cNvPicPr>
          <p:nvPr>
            <p:ph idx="1"/>
          </p:nvPr>
        </p:nvPicPr>
        <p:blipFill rotWithShape="1">
          <a:blip r:embed="rId4"/>
          <a:srcRect t="3262" b="53724"/>
          <a:stretch/>
        </p:blipFill>
        <p:spPr>
          <a:xfrm>
            <a:off x="7907498" y="4754486"/>
            <a:ext cx="2922083" cy="1609089"/>
          </a:xfrm>
          <a:prstGeom prst="rect">
            <a:avLst/>
          </a:prstGeom>
        </p:spPr>
      </p:pic>
      <p:sp>
        <p:nvSpPr>
          <p:cNvPr id="2" name="TextBox 1">
            <a:extLst>
              <a:ext uri="{FF2B5EF4-FFF2-40B4-BE49-F238E27FC236}">
                <a16:creationId xmlns:a16="http://schemas.microsoft.com/office/drawing/2014/main" id="{6FEB92FA-1539-0E7A-D276-A5E4A7340758}"/>
              </a:ext>
            </a:extLst>
          </p:cNvPr>
          <p:cNvSpPr txBox="1"/>
          <p:nvPr/>
        </p:nvSpPr>
        <p:spPr>
          <a:xfrm>
            <a:off x="594254" y="1407475"/>
            <a:ext cx="9961792" cy="262636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a:latin typeface="+mn-lt"/>
                <a:ea typeface="ＭＳ Ｐゴシック"/>
                <a:cs typeface="Arial"/>
              </a:rPr>
              <a:t>AMR is conferred by different mechanisms:</a:t>
            </a:r>
            <a:endParaRPr lang="en-US"/>
          </a:p>
          <a:p>
            <a:pPr marL="742950" lvl="1" indent="-285750">
              <a:spcBef>
                <a:spcPts val="432"/>
              </a:spcBef>
              <a:buFont typeface="Arial"/>
              <a:buChar char="•"/>
            </a:pPr>
            <a:r>
              <a:rPr lang="en-US">
                <a:latin typeface="+mn-lt"/>
                <a:ea typeface="ＭＳ Ｐゴシック"/>
                <a:cs typeface="Arial"/>
              </a:rPr>
              <a:t>Acquired resistance genes</a:t>
            </a:r>
            <a:r>
              <a:rPr lang="en-US" dirty="0">
                <a:latin typeface="+mn-lt"/>
                <a:ea typeface="ＭＳ Ｐゴシック"/>
                <a:cs typeface="Arial"/>
              </a:rPr>
              <a:t> </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Mutation</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Copy numbers) </a:t>
            </a:r>
            <a:endParaRPr lang="en-US">
              <a:latin typeface="+mn-lt"/>
              <a:cs typeface="Arial"/>
            </a:endParaRPr>
          </a:p>
          <a:p>
            <a:pPr marL="742950" lvl="1" indent="-285750">
              <a:spcBef>
                <a:spcPts val="432"/>
              </a:spcBef>
              <a:buFont typeface="Arial"/>
              <a:buChar char="•"/>
            </a:pPr>
            <a:endParaRPr lang="en-US">
              <a:latin typeface="+mn-lt"/>
              <a:cs typeface="Arial"/>
            </a:endParaRPr>
          </a:p>
          <a:p>
            <a:pPr marL="742950" lvl="1" indent="-285750">
              <a:spcBef>
                <a:spcPts val="432"/>
              </a:spcBef>
              <a:buFont typeface="Arial"/>
              <a:buChar char="•"/>
            </a:pPr>
            <a:endParaRPr lang="en-US">
              <a:latin typeface="+mn-lt"/>
              <a:cs typeface="Arial"/>
            </a:endParaRPr>
          </a:p>
          <a:p>
            <a:pPr lvl="1">
              <a:spcBef>
                <a:spcPts val="432"/>
              </a:spcBef>
            </a:pP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p:txBody>
      </p:sp>
      <p:sp>
        <p:nvSpPr>
          <p:cNvPr id="3" name="TextBox 2">
            <a:extLst>
              <a:ext uri="{FF2B5EF4-FFF2-40B4-BE49-F238E27FC236}">
                <a16:creationId xmlns:a16="http://schemas.microsoft.com/office/drawing/2014/main" id="{08648E40-DE82-40EF-D668-003F5B68122C}"/>
              </a:ext>
            </a:extLst>
          </p:cNvPr>
          <p:cNvSpPr txBox="1"/>
          <p:nvPr/>
        </p:nvSpPr>
        <p:spPr>
          <a:xfrm>
            <a:off x="8413684" y="6333634"/>
            <a:ext cx="2525635"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a:latin typeface="+mn-lt"/>
                <a:ea typeface="ＭＳ Ｐゴシック"/>
                <a:cs typeface="Arial"/>
              </a:rPr>
              <a:t>Possible point mutation</a:t>
            </a:r>
            <a:endParaRPr lang="en-US" err="1">
              <a:latin typeface="+mn-lt"/>
            </a:endParaRPr>
          </a:p>
        </p:txBody>
      </p:sp>
      <p:sp>
        <p:nvSpPr>
          <p:cNvPr id="8" name="TextBox 7">
            <a:extLst>
              <a:ext uri="{FF2B5EF4-FFF2-40B4-BE49-F238E27FC236}">
                <a16:creationId xmlns:a16="http://schemas.microsoft.com/office/drawing/2014/main" id="{C0472AE2-0B6F-CDD6-602E-5175D95BEF88}"/>
              </a:ext>
            </a:extLst>
          </p:cNvPr>
          <p:cNvSpPr txBox="1"/>
          <p:nvPr/>
        </p:nvSpPr>
        <p:spPr>
          <a:xfrm>
            <a:off x="938316" y="5778464"/>
            <a:ext cx="2721117"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spcBef>
                <a:spcPts val="432"/>
              </a:spcBef>
            </a:pPr>
            <a:endParaRPr lang="en-US">
              <a:latin typeface="+mn-lt"/>
              <a:cs typeface="Arial"/>
            </a:endParaRPr>
          </a:p>
        </p:txBody>
      </p:sp>
      <p:pic>
        <p:nvPicPr>
          <p:cNvPr id="9" name="Picture 9" descr="Diagram&#10;&#10;Description automatically generated">
            <a:extLst>
              <a:ext uri="{FF2B5EF4-FFF2-40B4-BE49-F238E27FC236}">
                <a16:creationId xmlns:a16="http://schemas.microsoft.com/office/drawing/2014/main" id="{220C0DFA-AE5D-5F66-43F9-289A4EEFB35A}"/>
              </a:ext>
            </a:extLst>
          </p:cNvPr>
          <p:cNvPicPr>
            <a:picLocks noChangeAspect="1"/>
          </p:cNvPicPr>
          <p:nvPr/>
        </p:nvPicPr>
        <p:blipFill>
          <a:blip r:embed="rId5"/>
          <a:stretch>
            <a:fillRect/>
          </a:stretch>
        </p:blipFill>
        <p:spPr>
          <a:xfrm>
            <a:off x="223414" y="4500339"/>
            <a:ext cx="5034216" cy="1924421"/>
          </a:xfrm>
          <a:prstGeom prst="rect">
            <a:avLst/>
          </a:prstGeom>
        </p:spPr>
      </p:pic>
      <p:sp>
        <p:nvSpPr>
          <p:cNvPr id="10" name="TextBox 9">
            <a:extLst>
              <a:ext uri="{FF2B5EF4-FFF2-40B4-BE49-F238E27FC236}">
                <a16:creationId xmlns:a16="http://schemas.microsoft.com/office/drawing/2014/main" id="{C8F574A6-13DE-E55F-CD26-94B94BD9C421}"/>
              </a:ext>
            </a:extLst>
          </p:cNvPr>
          <p:cNvSpPr txBox="1"/>
          <p:nvPr/>
        </p:nvSpPr>
        <p:spPr>
          <a:xfrm>
            <a:off x="774556" y="6247632"/>
            <a:ext cx="4145453"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a:latin typeface="+mn-lt"/>
                <a:ea typeface="ＭＳ Ｐゴシック"/>
                <a:cs typeface="Arial"/>
              </a:rPr>
              <a:t>Transfer of plasmid with resistance gene</a:t>
            </a:r>
            <a:endParaRPr lang="en-US" err="1">
              <a:latin typeface="+mn-lt"/>
            </a:endParaRPr>
          </a:p>
        </p:txBody>
      </p:sp>
      <p:sp>
        <p:nvSpPr>
          <p:cNvPr id="11" name="TextBox 10">
            <a:extLst>
              <a:ext uri="{FF2B5EF4-FFF2-40B4-BE49-F238E27FC236}">
                <a16:creationId xmlns:a16="http://schemas.microsoft.com/office/drawing/2014/main" id="{944F5050-FC92-74F6-8B7F-F59786D6B77E}"/>
              </a:ext>
            </a:extLst>
          </p:cNvPr>
          <p:cNvSpPr txBox="1"/>
          <p:nvPr/>
        </p:nvSpPr>
        <p:spPr>
          <a:xfrm>
            <a:off x="195688" y="2627285"/>
            <a:ext cx="5348648" cy="1928733"/>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a:latin typeface="+mn-lt"/>
                <a:ea typeface="ＭＳ Ｐゴシック"/>
                <a:cs typeface="Arial"/>
              </a:rPr>
              <a:t>MGEs can transfer resistance genes between isolates closely or distantly related</a:t>
            </a:r>
            <a:endParaRPr lang="en-US"/>
          </a:p>
          <a:p>
            <a:pPr marL="285750" indent="-285750">
              <a:spcBef>
                <a:spcPts val="432"/>
              </a:spcBef>
              <a:buFont typeface="Arial"/>
              <a:buChar char="•"/>
            </a:pPr>
            <a:r>
              <a:rPr lang="en-US">
                <a:latin typeface="+mn-lt"/>
                <a:ea typeface="ＭＳ Ｐゴシック"/>
                <a:cs typeface="Arial"/>
              </a:rPr>
              <a:t>Resistance genes tend to aggregate, meaning MGEs often confer resistance to multiple classes</a:t>
            </a:r>
            <a:endParaRPr lang="en-US">
              <a:latin typeface="+mn-lt"/>
              <a:cs typeface="Arial"/>
            </a:endParaRPr>
          </a:p>
          <a:p>
            <a:pPr marL="285750" indent="-285750">
              <a:spcBef>
                <a:spcPts val="432"/>
              </a:spcBef>
              <a:buFont typeface="Arial"/>
              <a:buChar char="•"/>
            </a:pPr>
            <a:r>
              <a:rPr lang="en-US">
                <a:latin typeface="+mn-lt"/>
                <a:ea typeface="ＭＳ Ｐゴシック"/>
                <a:cs typeface="Arial"/>
              </a:rPr>
              <a:t>May integrate into host chromosome</a:t>
            </a:r>
            <a:endParaRPr lang="en-US">
              <a:latin typeface="+mn-lt"/>
              <a:cs typeface="Arial"/>
            </a:endParaRPr>
          </a:p>
          <a:p>
            <a:pPr marL="285750" indent="-285750">
              <a:spcBef>
                <a:spcPts val="432"/>
              </a:spcBef>
              <a:buFont typeface="Arial"/>
              <a:buChar char="•"/>
            </a:pPr>
            <a:endParaRPr lang="en-US">
              <a:latin typeface="+mn-lt"/>
              <a:cs typeface="Arial"/>
            </a:endParaRPr>
          </a:p>
          <a:p>
            <a:pPr>
              <a:spcBef>
                <a:spcPts val="432"/>
              </a:spcBef>
            </a:pPr>
            <a:endParaRPr lang="en-US">
              <a:latin typeface="+mn-lt"/>
              <a:cs typeface="Arial"/>
            </a:endParaRPr>
          </a:p>
        </p:txBody>
      </p:sp>
      <p:sp>
        <p:nvSpPr>
          <p:cNvPr id="12" name="TextBox 11">
            <a:extLst>
              <a:ext uri="{FF2B5EF4-FFF2-40B4-BE49-F238E27FC236}">
                <a16:creationId xmlns:a16="http://schemas.microsoft.com/office/drawing/2014/main" id="{EBD7B86B-92D5-CA61-88B8-B084E6107DC8}"/>
              </a:ext>
            </a:extLst>
          </p:cNvPr>
          <p:cNvSpPr txBox="1"/>
          <p:nvPr/>
        </p:nvSpPr>
        <p:spPr>
          <a:xfrm>
            <a:off x="6056479" y="2564901"/>
            <a:ext cx="5747692" cy="2277547"/>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a:latin typeface="+mn-lt"/>
                <a:ea typeface="ＭＳ Ｐゴシック"/>
                <a:cs typeface="Arial"/>
              </a:rPr>
              <a:t>Point mutations can  confer resistance by various mechanisms:</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Change the target of a drug, making the strain resistant</a:t>
            </a:r>
            <a:endParaRPr lang="en-US">
              <a:latin typeface="Arial"/>
              <a:cs typeface="Arial"/>
            </a:endParaRPr>
          </a:p>
          <a:p>
            <a:pPr marL="742950" lvl="1" indent="-285750">
              <a:spcBef>
                <a:spcPts val="432"/>
              </a:spcBef>
              <a:buFont typeface="Arial"/>
              <a:buChar char="•"/>
            </a:pPr>
            <a:r>
              <a:rPr lang="en-US">
                <a:latin typeface="+mn-lt"/>
                <a:ea typeface="ＭＳ Ｐゴシック"/>
                <a:cs typeface="Arial"/>
              </a:rPr>
              <a:t>Upregulate the expression of a gene</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Downregulate the expression of a gene</a:t>
            </a:r>
          </a:p>
          <a:p>
            <a:pPr marL="742950" lvl="1" indent="-285750">
              <a:spcBef>
                <a:spcPts val="432"/>
              </a:spcBef>
              <a:buFont typeface="Arial"/>
              <a:buChar char="•"/>
            </a:pPr>
            <a:r>
              <a:rPr lang="en-US">
                <a:latin typeface="+mn-lt"/>
                <a:ea typeface="ＭＳ Ｐゴシック"/>
                <a:cs typeface="Arial"/>
              </a:rPr>
              <a:t>Change target specificity of protein</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Usually species specific</a:t>
            </a:r>
            <a:endParaRPr lang="en-US">
              <a:latin typeface="+mn-lt"/>
              <a:cs typeface="Arial"/>
            </a:endParaRPr>
          </a:p>
          <a:p>
            <a:pPr>
              <a:spcBef>
                <a:spcPts val="432"/>
              </a:spcBef>
            </a:pPr>
            <a:endParaRPr lang="en-US">
              <a:latin typeface="+mn-lt"/>
              <a:cs typeface="Arial"/>
            </a:endParaRPr>
          </a:p>
        </p:txBody>
      </p:sp>
      <p:pic>
        <p:nvPicPr>
          <p:cNvPr id="13" name="Picture 2" descr="Logo&#10;&#10;Description automatically generated">
            <a:extLst>
              <a:ext uri="{FF2B5EF4-FFF2-40B4-BE49-F238E27FC236}">
                <a16:creationId xmlns:a16="http://schemas.microsoft.com/office/drawing/2014/main" id="{92242732-5F0F-1E33-66E8-55B7294A74E7}"/>
              </a:ext>
            </a:extLst>
          </p:cNvPr>
          <p:cNvPicPr>
            <a:picLocks noChangeAspect="1"/>
          </p:cNvPicPr>
          <p:nvPr/>
        </p:nvPicPr>
        <p:blipFill rotWithShape="1">
          <a:blip r:embed="rId6"/>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99467235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2" descr="Logo&#10;&#10;Description automatically generated">
            <a:extLst>
              <a:ext uri="{FF2B5EF4-FFF2-40B4-BE49-F238E27FC236}">
                <a16:creationId xmlns:a16="http://schemas.microsoft.com/office/drawing/2014/main" id="{CC4B0080-DA19-A4FA-E340-09CD241FC9F0}"/>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13" name="TextBox 12">
            <a:extLst>
              <a:ext uri="{FF2B5EF4-FFF2-40B4-BE49-F238E27FC236}">
                <a16:creationId xmlns:a16="http://schemas.microsoft.com/office/drawing/2014/main" id="{1C9DBDC4-AB5B-52CA-2E8C-9DC42D65C714}"/>
              </a:ext>
            </a:extLst>
          </p:cNvPr>
          <p:cNvSpPr txBox="1"/>
          <p:nvPr/>
        </p:nvSpPr>
        <p:spPr>
          <a:xfrm>
            <a:off x="6667369" y="177270"/>
            <a:ext cx="3978754" cy="2324223"/>
          </a:xfrm>
          <a:prstGeom prst="rect">
            <a:avLst/>
          </a:prstGeom>
          <a:solidFill>
            <a:schemeClr val="accent1"/>
          </a:solid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spcBef>
                <a:spcPts val="432"/>
              </a:spcBef>
            </a:pPr>
            <a:endParaRPr lang="en-US" dirty="0" err="1">
              <a:latin typeface="+mn-lt"/>
            </a:endParaRPr>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Genetic basis of AMR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27</a:t>
            </a:fld>
            <a:endParaRPr lang="en-GB"/>
          </a:p>
        </p:txBody>
      </p:sp>
      <p:pic>
        <p:nvPicPr>
          <p:cNvPr id="7" name="Content Placeholder 6"/>
          <p:cNvPicPr>
            <a:picLocks noGrp="1" noChangeAspect="1"/>
          </p:cNvPicPr>
          <p:nvPr>
            <p:ph idx="1"/>
          </p:nvPr>
        </p:nvPicPr>
        <p:blipFill rotWithShape="1">
          <a:blip r:embed="rId5"/>
          <a:srcRect t="3262" b="53724"/>
          <a:stretch/>
        </p:blipFill>
        <p:spPr>
          <a:xfrm>
            <a:off x="7907498" y="4754486"/>
            <a:ext cx="2922083" cy="1609089"/>
          </a:xfrm>
          <a:prstGeom prst="rect">
            <a:avLst/>
          </a:prstGeom>
        </p:spPr>
      </p:pic>
      <p:sp>
        <p:nvSpPr>
          <p:cNvPr id="2" name="TextBox 1">
            <a:extLst>
              <a:ext uri="{FF2B5EF4-FFF2-40B4-BE49-F238E27FC236}">
                <a16:creationId xmlns:a16="http://schemas.microsoft.com/office/drawing/2014/main" id="{6FEB92FA-1539-0E7A-D276-A5E4A7340758}"/>
              </a:ext>
            </a:extLst>
          </p:cNvPr>
          <p:cNvSpPr txBox="1"/>
          <p:nvPr/>
        </p:nvSpPr>
        <p:spPr>
          <a:xfrm>
            <a:off x="594254" y="1407475"/>
            <a:ext cx="9961792" cy="262636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dirty="0">
                <a:latin typeface="+mn-lt"/>
                <a:ea typeface="ＭＳ Ｐゴシック"/>
                <a:cs typeface="Arial"/>
              </a:rPr>
              <a:t>AMR is conferred by different mechanisms:</a:t>
            </a:r>
            <a:endParaRPr lang="en-US" dirty="0"/>
          </a:p>
          <a:p>
            <a:pPr marL="742950" lvl="1" indent="-285750">
              <a:spcBef>
                <a:spcPts val="432"/>
              </a:spcBef>
              <a:buFont typeface="Arial"/>
              <a:buChar char="•"/>
            </a:pPr>
            <a:r>
              <a:rPr lang="en-US" dirty="0">
                <a:latin typeface="+mn-lt"/>
                <a:ea typeface="ＭＳ Ｐゴシック"/>
                <a:cs typeface="Arial"/>
              </a:rPr>
              <a:t>Acquired resistance genes </a:t>
            </a:r>
            <a:endParaRPr lang="en-US" dirty="0">
              <a:latin typeface="+mn-lt"/>
              <a:cs typeface="Arial"/>
            </a:endParaRPr>
          </a:p>
          <a:p>
            <a:pPr marL="742950" lvl="1" indent="-285750">
              <a:spcBef>
                <a:spcPts val="432"/>
              </a:spcBef>
              <a:buFont typeface="Arial"/>
              <a:buChar char="•"/>
            </a:pPr>
            <a:r>
              <a:rPr lang="en-US" dirty="0">
                <a:latin typeface="+mn-lt"/>
                <a:ea typeface="ＭＳ Ｐゴシック"/>
                <a:cs typeface="Arial"/>
              </a:rPr>
              <a:t>Mutation</a:t>
            </a:r>
            <a:endParaRPr lang="en-US" dirty="0">
              <a:latin typeface="+mn-lt"/>
              <a:cs typeface="Arial"/>
            </a:endParaRPr>
          </a:p>
          <a:p>
            <a:pPr marL="742950" lvl="1" indent="-285750">
              <a:spcBef>
                <a:spcPts val="432"/>
              </a:spcBef>
              <a:buFont typeface="Arial"/>
              <a:buChar char="•"/>
            </a:pPr>
            <a:r>
              <a:rPr lang="en-US" dirty="0">
                <a:latin typeface="+mn-lt"/>
                <a:ea typeface="ＭＳ Ｐゴシック"/>
                <a:cs typeface="Arial"/>
              </a:rPr>
              <a:t>(Copy numbers) </a:t>
            </a:r>
            <a:endParaRPr lang="en-US" dirty="0">
              <a:latin typeface="+mn-lt"/>
              <a:cs typeface="Arial"/>
            </a:endParaRPr>
          </a:p>
          <a:p>
            <a:pPr marL="742950" lvl="1" indent="-285750">
              <a:spcBef>
                <a:spcPts val="432"/>
              </a:spcBef>
              <a:buFont typeface="Arial"/>
              <a:buChar char="•"/>
            </a:pPr>
            <a:endParaRPr lang="en-US">
              <a:latin typeface="+mn-lt"/>
              <a:cs typeface="Arial"/>
            </a:endParaRPr>
          </a:p>
          <a:p>
            <a:pPr marL="742950" lvl="1" indent="-285750">
              <a:spcBef>
                <a:spcPts val="432"/>
              </a:spcBef>
              <a:buFont typeface="Arial"/>
              <a:buChar char="•"/>
            </a:pPr>
            <a:endParaRPr lang="en-US">
              <a:latin typeface="+mn-lt"/>
              <a:cs typeface="Arial"/>
            </a:endParaRPr>
          </a:p>
          <a:p>
            <a:pPr lvl="1">
              <a:spcBef>
                <a:spcPts val="432"/>
              </a:spcBef>
            </a:pP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p:txBody>
      </p:sp>
      <p:sp>
        <p:nvSpPr>
          <p:cNvPr id="3" name="TextBox 2">
            <a:extLst>
              <a:ext uri="{FF2B5EF4-FFF2-40B4-BE49-F238E27FC236}">
                <a16:creationId xmlns:a16="http://schemas.microsoft.com/office/drawing/2014/main" id="{08648E40-DE82-40EF-D668-003F5B68122C}"/>
              </a:ext>
            </a:extLst>
          </p:cNvPr>
          <p:cNvSpPr txBox="1"/>
          <p:nvPr/>
        </p:nvSpPr>
        <p:spPr>
          <a:xfrm>
            <a:off x="8413684" y="6333634"/>
            <a:ext cx="2525635"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a:latin typeface="+mn-lt"/>
                <a:ea typeface="ＭＳ Ｐゴシック"/>
                <a:cs typeface="Arial"/>
              </a:rPr>
              <a:t>Possible point mutation</a:t>
            </a:r>
            <a:endParaRPr lang="en-US" err="1">
              <a:latin typeface="+mn-lt"/>
            </a:endParaRPr>
          </a:p>
        </p:txBody>
      </p:sp>
      <p:sp>
        <p:nvSpPr>
          <p:cNvPr id="8" name="TextBox 7">
            <a:extLst>
              <a:ext uri="{FF2B5EF4-FFF2-40B4-BE49-F238E27FC236}">
                <a16:creationId xmlns:a16="http://schemas.microsoft.com/office/drawing/2014/main" id="{C0472AE2-0B6F-CDD6-602E-5175D95BEF88}"/>
              </a:ext>
            </a:extLst>
          </p:cNvPr>
          <p:cNvSpPr txBox="1"/>
          <p:nvPr/>
        </p:nvSpPr>
        <p:spPr>
          <a:xfrm>
            <a:off x="938316" y="5778464"/>
            <a:ext cx="2721117"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spcBef>
                <a:spcPts val="432"/>
              </a:spcBef>
            </a:pPr>
            <a:endParaRPr lang="en-US">
              <a:latin typeface="+mn-lt"/>
              <a:cs typeface="Arial"/>
            </a:endParaRPr>
          </a:p>
        </p:txBody>
      </p:sp>
      <p:pic>
        <p:nvPicPr>
          <p:cNvPr id="9" name="Picture 9" descr="Diagram&#10;&#10;Description automatically generated">
            <a:extLst>
              <a:ext uri="{FF2B5EF4-FFF2-40B4-BE49-F238E27FC236}">
                <a16:creationId xmlns:a16="http://schemas.microsoft.com/office/drawing/2014/main" id="{220C0DFA-AE5D-5F66-43F9-289A4EEFB35A}"/>
              </a:ext>
            </a:extLst>
          </p:cNvPr>
          <p:cNvPicPr>
            <a:picLocks noChangeAspect="1"/>
          </p:cNvPicPr>
          <p:nvPr/>
        </p:nvPicPr>
        <p:blipFill>
          <a:blip r:embed="rId6"/>
          <a:stretch>
            <a:fillRect/>
          </a:stretch>
        </p:blipFill>
        <p:spPr>
          <a:xfrm>
            <a:off x="223414" y="4500339"/>
            <a:ext cx="5034216" cy="1924421"/>
          </a:xfrm>
          <a:prstGeom prst="rect">
            <a:avLst/>
          </a:prstGeom>
        </p:spPr>
      </p:pic>
      <p:sp>
        <p:nvSpPr>
          <p:cNvPr id="10" name="TextBox 9">
            <a:extLst>
              <a:ext uri="{FF2B5EF4-FFF2-40B4-BE49-F238E27FC236}">
                <a16:creationId xmlns:a16="http://schemas.microsoft.com/office/drawing/2014/main" id="{C8F574A6-13DE-E55F-CD26-94B94BD9C421}"/>
              </a:ext>
            </a:extLst>
          </p:cNvPr>
          <p:cNvSpPr txBox="1"/>
          <p:nvPr/>
        </p:nvSpPr>
        <p:spPr>
          <a:xfrm>
            <a:off x="774556" y="6247632"/>
            <a:ext cx="4145453"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a:latin typeface="+mn-lt"/>
                <a:ea typeface="ＭＳ Ｐゴシック"/>
                <a:cs typeface="Arial"/>
              </a:rPr>
              <a:t>Transfer of plasmid with resistance gene</a:t>
            </a:r>
            <a:endParaRPr lang="en-US" err="1">
              <a:latin typeface="+mn-lt"/>
            </a:endParaRPr>
          </a:p>
        </p:txBody>
      </p:sp>
      <p:sp>
        <p:nvSpPr>
          <p:cNvPr id="11" name="TextBox 10">
            <a:extLst>
              <a:ext uri="{FF2B5EF4-FFF2-40B4-BE49-F238E27FC236}">
                <a16:creationId xmlns:a16="http://schemas.microsoft.com/office/drawing/2014/main" id="{944F5050-FC92-74F6-8B7F-F59786D6B77E}"/>
              </a:ext>
            </a:extLst>
          </p:cNvPr>
          <p:cNvSpPr txBox="1"/>
          <p:nvPr/>
        </p:nvSpPr>
        <p:spPr>
          <a:xfrm>
            <a:off x="195688" y="2627285"/>
            <a:ext cx="5348648" cy="1928733"/>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dirty="0">
                <a:latin typeface="+mn-lt"/>
                <a:ea typeface="ＭＳ Ｐゴシック"/>
                <a:cs typeface="Arial"/>
              </a:rPr>
              <a:t>MGEs can transfer resistance genes between isolates closely or distantly related</a:t>
            </a:r>
            <a:endParaRPr lang="en-US" dirty="0"/>
          </a:p>
          <a:p>
            <a:pPr marL="285750" indent="-285750">
              <a:spcBef>
                <a:spcPts val="432"/>
              </a:spcBef>
              <a:buFont typeface="Arial"/>
              <a:buChar char="•"/>
            </a:pPr>
            <a:r>
              <a:rPr lang="en-US" dirty="0">
                <a:latin typeface="+mn-lt"/>
                <a:ea typeface="ＭＳ Ｐゴシック"/>
                <a:cs typeface="Arial"/>
              </a:rPr>
              <a:t>Resistance genes tend to aggregate, meaning MGEs often confer resistance to multiple classes</a:t>
            </a:r>
            <a:endParaRPr lang="en-US" dirty="0">
              <a:latin typeface="+mn-lt"/>
              <a:cs typeface="Arial"/>
            </a:endParaRPr>
          </a:p>
          <a:p>
            <a:pPr marL="285750" indent="-285750">
              <a:spcBef>
                <a:spcPts val="432"/>
              </a:spcBef>
              <a:buFont typeface="Arial"/>
              <a:buChar char="•"/>
            </a:pPr>
            <a:r>
              <a:rPr lang="en-US" dirty="0">
                <a:latin typeface="+mn-lt"/>
                <a:ea typeface="ＭＳ Ｐゴシック"/>
                <a:cs typeface="Arial"/>
              </a:rPr>
              <a:t>May integrate into host chromosome</a:t>
            </a:r>
            <a:endParaRPr lang="en-US" dirty="0">
              <a:latin typeface="+mn-lt"/>
              <a:cs typeface="Arial"/>
            </a:endParaRPr>
          </a:p>
          <a:p>
            <a:pPr marL="285750" indent="-285750">
              <a:spcBef>
                <a:spcPts val="432"/>
              </a:spcBef>
              <a:buFont typeface="Arial"/>
              <a:buChar char="•"/>
            </a:pPr>
            <a:endParaRPr lang="en-US">
              <a:latin typeface="+mn-lt"/>
              <a:cs typeface="Arial"/>
            </a:endParaRPr>
          </a:p>
          <a:p>
            <a:pPr>
              <a:spcBef>
                <a:spcPts val="432"/>
              </a:spcBef>
            </a:pPr>
            <a:endParaRPr lang="en-US">
              <a:latin typeface="+mn-lt"/>
              <a:cs typeface="Arial"/>
            </a:endParaRPr>
          </a:p>
        </p:txBody>
      </p:sp>
      <p:sp>
        <p:nvSpPr>
          <p:cNvPr id="12" name="TextBox 11">
            <a:extLst>
              <a:ext uri="{FF2B5EF4-FFF2-40B4-BE49-F238E27FC236}">
                <a16:creationId xmlns:a16="http://schemas.microsoft.com/office/drawing/2014/main" id="{EBD7B86B-92D5-CA61-88B8-B084E6107DC8}"/>
              </a:ext>
            </a:extLst>
          </p:cNvPr>
          <p:cNvSpPr txBox="1"/>
          <p:nvPr/>
        </p:nvSpPr>
        <p:spPr>
          <a:xfrm>
            <a:off x="6056479" y="2564901"/>
            <a:ext cx="5747692" cy="2277547"/>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a:latin typeface="+mn-lt"/>
                <a:ea typeface="ＭＳ Ｐゴシック"/>
                <a:cs typeface="Arial"/>
              </a:rPr>
              <a:t>Point mutations can  confer resistance by various mechanisms:</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Change the target of a drug, making the strain resistant</a:t>
            </a:r>
            <a:endParaRPr lang="en-US">
              <a:latin typeface="Arial"/>
              <a:cs typeface="Arial"/>
            </a:endParaRPr>
          </a:p>
          <a:p>
            <a:pPr marL="742950" lvl="1" indent="-285750">
              <a:spcBef>
                <a:spcPts val="432"/>
              </a:spcBef>
              <a:buFont typeface="Arial"/>
              <a:buChar char="•"/>
            </a:pPr>
            <a:r>
              <a:rPr lang="en-US">
                <a:latin typeface="+mn-lt"/>
                <a:ea typeface="ＭＳ Ｐゴシック"/>
                <a:cs typeface="Arial"/>
              </a:rPr>
              <a:t>Upregulate the expression of a gene</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Downregulate the expression of a gene</a:t>
            </a:r>
          </a:p>
          <a:p>
            <a:pPr marL="742950" lvl="1" indent="-285750">
              <a:spcBef>
                <a:spcPts val="432"/>
              </a:spcBef>
              <a:buFont typeface="Arial"/>
              <a:buChar char="•"/>
            </a:pPr>
            <a:r>
              <a:rPr lang="en-US">
                <a:latin typeface="+mn-lt"/>
                <a:ea typeface="ＭＳ Ｐゴシック"/>
                <a:cs typeface="Arial"/>
              </a:rPr>
              <a:t>Change target specificity of protein</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Usually species specific</a:t>
            </a:r>
            <a:endParaRPr lang="en-US">
              <a:latin typeface="+mn-lt"/>
              <a:cs typeface="Arial"/>
            </a:endParaRPr>
          </a:p>
          <a:p>
            <a:pPr>
              <a:spcBef>
                <a:spcPts val="432"/>
              </a:spcBef>
            </a:pPr>
            <a:endParaRPr lang="en-US">
              <a:latin typeface="+mn-lt"/>
              <a:cs typeface="Arial"/>
            </a:endParaRPr>
          </a:p>
        </p:txBody>
      </p:sp>
      <p:sp>
        <p:nvSpPr>
          <p:cNvPr id="6" name="TextBox 5">
            <a:extLst>
              <a:ext uri="{FF2B5EF4-FFF2-40B4-BE49-F238E27FC236}">
                <a16:creationId xmlns:a16="http://schemas.microsoft.com/office/drawing/2014/main" id="{D7BBA555-B829-E209-2B0B-BED977FA6453}"/>
              </a:ext>
            </a:extLst>
          </p:cNvPr>
          <p:cNvSpPr txBox="1"/>
          <p:nvPr/>
        </p:nvSpPr>
        <p:spPr>
          <a:xfrm>
            <a:off x="6919995" y="454903"/>
            <a:ext cx="3487409" cy="1774845"/>
          </a:xfrm>
          <a:prstGeom prst="rect">
            <a:avLst/>
          </a:prstGeom>
          <a:solidFill>
            <a:schemeClr val="accent1"/>
          </a:solid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lgn="l">
              <a:spcBef>
                <a:spcPts val="432"/>
              </a:spcBef>
            </a:pPr>
            <a:r>
              <a:rPr lang="en-US" dirty="0">
                <a:solidFill>
                  <a:schemeClr val="bg1"/>
                </a:solidFill>
                <a:latin typeface="+mn-lt"/>
                <a:ea typeface="ＭＳ Ｐゴシック"/>
                <a:cs typeface="Arial"/>
              </a:rPr>
              <a:t>Note!</a:t>
            </a:r>
          </a:p>
          <a:p>
            <a:pPr>
              <a:spcBef>
                <a:spcPts val="432"/>
              </a:spcBef>
            </a:pPr>
            <a:r>
              <a:rPr lang="en-US" dirty="0">
                <a:solidFill>
                  <a:schemeClr val="bg1"/>
                </a:solidFill>
                <a:latin typeface="+mn-lt"/>
                <a:ea typeface="ＭＳ Ｐゴシック"/>
                <a:cs typeface="Arial"/>
              </a:rPr>
              <a:t>We also have intrinsic resistance in certain species, e.g. </a:t>
            </a:r>
            <a:r>
              <a:rPr lang="en-US" i="1" dirty="0">
                <a:solidFill>
                  <a:schemeClr val="bg1"/>
                </a:solidFill>
                <a:latin typeface="+mn-lt"/>
                <a:ea typeface="ＭＳ Ｐゴシック"/>
                <a:cs typeface="Arial"/>
              </a:rPr>
              <a:t>Mycobacterium tuberculosis</a:t>
            </a:r>
            <a:r>
              <a:rPr lang="en-US" dirty="0">
                <a:solidFill>
                  <a:schemeClr val="bg1"/>
                </a:solidFill>
                <a:latin typeface="+mn-lt"/>
                <a:ea typeface="ＭＳ Ｐゴシック"/>
                <a:cs typeface="Arial"/>
              </a:rPr>
              <a:t> inherently possess  erm(37) protecting against macrolides, </a:t>
            </a:r>
            <a:r>
              <a:rPr lang="en-US" dirty="0" err="1">
                <a:solidFill>
                  <a:schemeClr val="bg1"/>
                </a:solidFill>
                <a:latin typeface="+mn-lt"/>
                <a:ea typeface="ＭＳ Ｐゴシック"/>
                <a:cs typeface="Arial"/>
              </a:rPr>
              <a:t>lincosamide</a:t>
            </a:r>
            <a:r>
              <a:rPr lang="en-US" dirty="0">
                <a:solidFill>
                  <a:schemeClr val="bg1"/>
                </a:solidFill>
                <a:latin typeface="+mn-lt"/>
                <a:ea typeface="ＭＳ Ｐゴシック"/>
                <a:cs typeface="Arial"/>
              </a:rPr>
              <a:t> and streptogramin</a:t>
            </a:r>
          </a:p>
        </p:txBody>
      </p:sp>
    </p:spTree>
    <p:custDataLst>
      <p:custData r:id="rId1"/>
      <p:custData r:id="rId2"/>
    </p:custDataLst>
    <p:extLst>
      <p:ext uri="{BB962C8B-B14F-4D97-AF65-F5344CB8AC3E}">
        <p14:creationId xmlns:p14="http://schemas.microsoft.com/office/powerpoint/2010/main" val="3333831874"/>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AMR tools and databases</a:t>
            </a:r>
            <a:endParaRPr lang="en-GB"/>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197485" indent="-197485"/>
            <a:r>
              <a:rPr lang="en-GB">
                <a:cs typeface="Arial"/>
              </a:rPr>
              <a:t>There are multiple tools which all utilize their own and/or each others databases for predicting antimicrobial resistance</a:t>
            </a:r>
          </a:p>
          <a:p>
            <a:pPr marL="413385" lvl="1" indent="-197485"/>
            <a:r>
              <a:rPr lang="en-GB" err="1">
                <a:cs typeface="Arial"/>
              </a:rPr>
              <a:t>Resfinder</a:t>
            </a:r>
            <a:r>
              <a:rPr lang="en-GB">
                <a:cs typeface="Arial"/>
              </a:rPr>
              <a:t> (</a:t>
            </a:r>
            <a:r>
              <a:rPr lang="en-GB">
                <a:ea typeface="+mn-lt"/>
                <a:cs typeface="+mn-lt"/>
                <a:hlinkClick r:id="rId4"/>
              </a:rPr>
              <a:t>ResFinder 4.1 (dtu.dk)</a:t>
            </a:r>
            <a:r>
              <a:rPr lang="en-GB">
                <a:cs typeface="Arial"/>
              </a:rPr>
              <a:t>), </a:t>
            </a:r>
            <a:r>
              <a:rPr lang="en-GB" err="1">
                <a:cs typeface="Arial"/>
              </a:rPr>
              <a:t>AMRfinderplus</a:t>
            </a:r>
            <a:r>
              <a:rPr lang="en-GB">
                <a:cs typeface="Arial"/>
              </a:rPr>
              <a:t> (</a:t>
            </a:r>
            <a:r>
              <a:rPr lang="en-GB">
                <a:ea typeface="+mn-lt"/>
                <a:cs typeface="+mn-lt"/>
                <a:hlinkClick r:id="rId5"/>
              </a:rPr>
              <a:t>Releases · ncbi/amr (github.com)</a:t>
            </a:r>
            <a:r>
              <a:rPr lang="en-GB">
                <a:cs typeface="Arial"/>
              </a:rPr>
              <a:t>)</a:t>
            </a:r>
            <a:r>
              <a:rPr lang="en-GB">
                <a:ea typeface="+mn-lt"/>
                <a:cs typeface="+mn-lt"/>
              </a:rPr>
              <a:t> , CARD (</a:t>
            </a:r>
            <a:r>
              <a:rPr lang="en-GB" sz="1600">
                <a:latin typeface="Verdana"/>
                <a:ea typeface="Verdana"/>
                <a:cs typeface="+mn-lt"/>
                <a:hlinkClick r:id="rId6"/>
              </a:rPr>
              <a:t>https://card.mcmaster.ca/home</a:t>
            </a:r>
            <a:r>
              <a:rPr lang="en-GB">
                <a:ea typeface="+mn-lt"/>
                <a:cs typeface="+mn-lt"/>
              </a:rPr>
              <a:t>), </a:t>
            </a:r>
            <a:r>
              <a:rPr lang="en-GB" err="1">
                <a:ea typeface="+mn-lt"/>
                <a:cs typeface="+mn-lt"/>
              </a:rPr>
              <a:t>KmerResistance</a:t>
            </a:r>
            <a:r>
              <a:rPr lang="en-GB">
                <a:ea typeface="+mn-lt"/>
                <a:cs typeface="+mn-lt"/>
              </a:rPr>
              <a:t>, ARIBA</a:t>
            </a:r>
          </a:p>
          <a:p>
            <a:pPr marL="413385" lvl="1" indent="-197485"/>
            <a:r>
              <a:rPr lang="en-GB">
                <a:ea typeface="+mn-lt"/>
                <a:cs typeface="+mn-lt"/>
              </a:rPr>
              <a:t>Differences exists due to</a:t>
            </a:r>
          </a:p>
          <a:p>
            <a:pPr marL="615315" lvl="2" indent="-197485"/>
            <a:r>
              <a:rPr lang="en-GB">
                <a:ea typeface="+mn-lt"/>
                <a:cs typeface="+mn-lt"/>
              </a:rPr>
              <a:t>How the database is created and curated</a:t>
            </a:r>
          </a:p>
          <a:p>
            <a:pPr marL="615315" lvl="2" indent="-197485"/>
            <a:r>
              <a:rPr lang="en-GB">
                <a:ea typeface="+mn-lt"/>
                <a:cs typeface="+mn-lt"/>
              </a:rPr>
              <a:t>How the database is maintained</a:t>
            </a:r>
          </a:p>
          <a:p>
            <a:pPr marL="615315" lvl="2" indent="-197485"/>
            <a:r>
              <a:rPr lang="en-GB">
                <a:ea typeface="+mn-lt"/>
                <a:cs typeface="+mn-lt"/>
              </a:rPr>
              <a:t>How the tool conducts its search</a:t>
            </a:r>
          </a:p>
          <a:p>
            <a:pPr marL="413385" lvl="1" indent="-197485"/>
            <a:r>
              <a:rPr lang="en-GB">
                <a:ea typeface="+mn-lt"/>
                <a:cs typeface="+mn-lt"/>
              </a:rPr>
              <a:t>The correct tool/database will likely depend on the type of analysis or workflow you are using</a:t>
            </a:r>
          </a:p>
          <a:p>
            <a:pPr marL="413385" lvl="1" indent="-197485"/>
            <a:endParaRPr lang="en-GB">
              <a:ea typeface="+mn-lt"/>
              <a:cs typeface="+mn-lt"/>
            </a:endParaRPr>
          </a:p>
          <a:p>
            <a:pPr marL="413385" lvl="1" indent="-197485"/>
            <a:r>
              <a:rPr lang="en-GB" dirty="0">
                <a:ea typeface="+mn-lt"/>
                <a:cs typeface="+mn-lt"/>
              </a:rPr>
              <a:t>Approach results from tools with a critical mindset!</a:t>
            </a:r>
          </a:p>
          <a:p>
            <a:pPr marL="413385" lvl="1" indent="-197485"/>
            <a:endParaRPr lang="en-GB">
              <a:ea typeface="+mn-lt"/>
              <a:cs typeface="+mn-lt"/>
            </a:endParaRPr>
          </a:p>
          <a:p>
            <a:pPr marL="413385" lvl="1" indent="-197485"/>
            <a:endParaRPr lang="en-GB">
              <a:ea typeface="+mn-lt"/>
              <a:cs typeface="+mn-lt"/>
            </a:endParaRPr>
          </a:p>
          <a:p>
            <a:pPr marL="615315" lvl="2" indent="-197485"/>
            <a:endParaRPr lang="en-GB">
              <a:ea typeface="+mn-lt"/>
              <a:cs typeface="+mn-lt"/>
            </a:endParaRPr>
          </a:p>
          <a:p>
            <a:pPr marL="197485" indent="-197485"/>
            <a:endParaRPr lang="en-GB">
              <a:ea typeface="+mn-lt"/>
              <a:cs typeface="+mn-lt"/>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28</a:t>
            </a:fld>
            <a:endParaRPr lang="en-GB"/>
          </a:p>
        </p:txBody>
      </p:sp>
      <p:pic>
        <p:nvPicPr>
          <p:cNvPr id="3" name="Picture 2" descr="Logo&#10;&#10;Description automatically generated">
            <a:extLst>
              <a:ext uri="{FF2B5EF4-FFF2-40B4-BE49-F238E27FC236}">
                <a16:creationId xmlns:a16="http://schemas.microsoft.com/office/drawing/2014/main" id="{E9164EE4-5C35-4314-210B-FC47F980F7E7}"/>
              </a:ext>
            </a:extLst>
          </p:cNvPr>
          <p:cNvPicPr>
            <a:picLocks noChangeAspect="1"/>
          </p:cNvPicPr>
          <p:nvPr/>
        </p:nvPicPr>
        <p:blipFill rotWithShape="1">
          <a:blip r:embed="rId7"/>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148302789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29</a:t>
            </a:fld>
            <a:endParaRPr lang="en-GB"/>
          </a:p>
        </p:txBody>
      </p:sp>
      <p:pic>
        <p:nvPicPr>
          <p:cNvPr id="7" name="Picture 7" descr="Table, Excel&#10;&#10;Description automatically generated">
            <a:extLst>
              <a:ext uri="{FF2B5EF4-FFF2-40B4-BE49-F238E27FC236}">
                <a16:creationId xmlns:a16="http://schemas.microsoft.com/office/drawing/2014/main" id="{74D3AD3D-5EB9-2A2C-5380-18372A4AFDD4}"/>
              </a:ext>
            </a:extLst>
          </p:cNvPr>
          <p:cNvPicPr>
            <a:picLocks noChangeAspect="1"/>
          </p:cNvPicPr>
          <p:nvPr/>
        </p:nvPicPr>
        <p:blipFill rotWithShape="1">
          <a:blip r:embed="rId4"/>
          <a:srcRect l="3045" t="1148" r="1275" b="5166"/>
          <a:stretch/>
        </p:blipFill>
        <p:spPr>
          <a:xfrm>
            <a:off x="1613245" y="116498"/>
            <a:ext cx="10573818" cy="6383997"/>
          </a:xfrm>
          <a:prstGeom prst="rect">
            <a:avLst/>
          </a:prstGeom>
        </p:spPr>
      </p:pic>
      <p:sp>
        <p:nvSpPr>
          <p:cNvPr id="9" name="TextBox 8">
            <a:extLst>
              <a:ext uri="{FF2B5EF4-FFF2-40B4-BE49-F238E27FC236}">
                <a16:creationId xmlns:a16="http://schemas.microsoft.com/office/drawing/2014/main" id="{E2F39260-A4FE-4456-D2D3-5500D575B9BE}"/>
              </a:ext>
            </a:extLst>
          </p:cNvPr>
          <p:cNvSpPr txBox="1"/>
          <p:nvPr/>
        </p:nvSpPr>
        <p:spPr>
          <a:xfrm>
            <a:off x="216664" y="1250746"/>
            <a:ext cx="1285005" cy="4154984"/>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b="1" dirty="0">
                <a:latin typeface="+mn-lt"/>
                <a:ea typeface="ＭＳ Ｐゴシック"/>
                <a:cs typeface="Arial"/>
              </a:rPr>
              <a:t>EXAMPLE</a:t>
            </a:r>
          </a:p>
          <a:p>
            <a:pPr>
              <a:spcBef>
                <a:spcPts val="432"/>
              </a:spcBef>
            </a:pPr>
            <a:r>
              <a:rPr lang="en-US">
                <a:latin typeface="+mn-lt"/>
                <a:ea typeface="ＭＳ Ｐゴシック"/>
                <a:cs typeface="Arial"/>
              </a:rPr>
              <a:t>CARD output:</a:t>
            </a:r>
            <a:endParaRPr lang="en-US">
              <a:latin typeface="+mn-lt"/>
              <a:cs typeface="Arial"/>
            </a:endParaRPr>
          </a:p>
          <a:p>
            <a:pPr>
              <a:spcBef>
                <a:spcPts val="432"/>
              </a:spcBef>
            </a:pPr>
            <a:endParaRPr lang="en-US">
              <a:latin typeface="+mn-lt"/>
              <a:cs typeface="Arial"/>
            </a:endParaRPr>
          </a:p>
          <a:p>
            <a:pPr>
              <a:spcBef>
                <a:spcPts val="432"/>
              </a:spcBef>
            </a:pPr>
            <a:r>
              <a:rPr lang="en-US">
                <a:latin typeface="+mn-lt"/>
                <a:ea typeface="ＭＳ Ｐゴシック"/>
                <a:cs typeface="Arial"/>
              </a:rPr>
              <a:t>Data was complete genome of E. Coli strain</a:t>
            </a:r>
          </a:p>
          <a:p>
            <a:pPr>
              <a:spcBef>
                <a:spcPts val="432"/>
              </a:spcBef>
            </a:pPr>
            <a:endParaRPr lang="en-US">
              <a:latin typeface="+mn-lt"/>
              <a:ea typeface="ＭＳ Ｐゴシック"/>
              <a:cs typeface="Arial"/>
            </a:endParaRPr>
          </a:p>
          <a:p>
            <a:pPr>
              <a:spcBef>
                <a:spcPts val="432"/>
              </a:spcBef>
            </a:pPr>
            <a:r>
              <a:rPr lang="en-US">
                <a:latin typeface="+mn-lt"/>
                <a:ea typeface="ＭＳ Ｐゴシック"/>
                <a:cs typeface="Arial"/>
              </a:rPr>
              <a:t>44 hits in total!</a:t>
            </a:r>
          </a:p>
          <a:p>
            <a:pPr>
              <a:spcBef>
                <a:spcPts val="432"/>
              </a:spcBef>
            </a:pPr>
            <a:endParaRPr lang="en-US">
              <a:latin typeface="+mn-lt"/>
              <a:cs typeface="Arial"/>
            </a:endParaRPr>
          </a:p>
          <a:p>
            <a:pPr>
              <a:spcBef>
                <a:spcPts val="432"/>
              </a:spcBef>
            </a:pPr>
            <a:r>
              <a:rPr lang="en-US">
                <a:latin typeface="+mn-lt"/>
                <a:ea typeface="ＭＳ Ｐゴシック"/>
                <a:cs typeface="Arial"/>
              </a:rPr>
              <a:t>Let us take a closer look</a:t>
            </a:r>
            <a:endParaRPr lang="en-US">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spTree>
    <p:custDataLst>
      <p:custData r:id="rId1"/>
      <p:custData r:id="rId2"/>
    </p:custDataLst>
    <p:extLst>
      <p:ext uri="{BB962C8B-B14F-4D97-AF65-F5344CB8AC3E}">
        <p14:creationId xmlns:p14="http://schemas.microsoft.com/office/powerpoint/2010/main" val="341849737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Example of workflow</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a:p>
        </p:txBody>
      </p:sp>
      <p:graphicFrame>
        <p:nvGraphicFramePr>
          <p:cNvPr id="7" name="Diagram 6">
            <a:extLst>
              <a:ext uri="{FF2B5EF4-FFF2-40B4-BE49-F238E27FC236}">
                <a16:creationId xmlns:a16="http://schemas.microsoft.com/office/drawing/2014/main" id="{63C69590-75C0-43DE-B939-31B5A1893DC4}"/>
              </a:ext>
            </a:extLst>
          </p:cNvPr>
          <p:cNvGraphicFramePr/>
          <p:nvPr>
            <p:extLst>
              <p:ext uri="{D42A27DB-BD31-4B8C-83A1-F6EECF244321}">
                <p14:modId xmlns:p14="http://schemas.microsoft.com/office/powerpoint/2010/main" val="4075754503"/>
              </p:ext>
            </p:extLst>
          </p:nvPr>
        </p:nvGraphicFramePr>
        <p:xfrm>
          <a:off x="478582" y="1772816"/>
          <a:ext cx="11460468" cy="864096"/>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graphicFrame>
        <p:nvGraphicFramePr>
          <p:cNvPr id="8" name="Diagram 7">
            <a:extLst>
              <a:ext uri="{FF2B5EF4-FFF2-40B4-BE49-F238E27FC236}">
                <a16:creationId xmlns:a16="http://schemas.microsoft.com/office/drawing/2014/main" id="{F055FAF6-98EE-47D1-A8DD-9D278892B41C}"/>
              </a:ext>
            </a:extLst>
          </p:cNvPr>
          <p:cNvGraphicFramePr/>
          <p:nvPr>
            <p:extLst>
              <p:ext uri="{D42A27DB-BD31-4B8C-83A1-F6EECF244321}">
                <p14:modId xmlns:p14="http://schemas.microsoft.com/office/powerpoint/2010/main" val="4283455771"/>
              </p:ext>
            </p:extLst>
          </p:nvPr>
        </p:nvGraphicFramePr>
        <p:xfrm>
          <a:off x="478582" y="4209079"/>
          <a:ext cx="11460468" cy="720080"/>
        </p:xfrm>
        <a:graphic>
          <a:graphicData uri="http://schemas.openxmlformats.org/drawingml/2006/diagram">
            <dgm:relIds xmlns:dgm="http://schemas.openxmlformats.org/drawingml/2006/diagram" xmlns:r="http://schemas.openxmlformats.org/officeDocument/2006/relationships" r:dm="rId10" r:lo="rId11" r:qs="rId12" r:cs="rId13"/>
          </a:graphicData>
        </a:graphic>
      </p:graphicFrame>
      <p:sp>
        <p:nvSpPr>
          <p:cNvPr id="20" name="Down Arrow 19"/>
          <p:cNvSpPr/>
          <p:nvPr/>
        </p:nvSpPr>
        <p:spPr bwMode="auto">
          <a:xfrm>
            <a:off x="838622" y="2780927"/>
            <a:ext cx="360040" cy="1428151"/>
          </a:xfrm>
          <a:prstGeom prst="downArrow">
            <a:avLst/>
          </a:prstGeom>
          <a:solidFill>
            <a:schemeClr val="bg1">
              <a:lumMod val="75000"/>
            </a:schemeClr>
          </a:solidFill>
          <a:ln w="9525" cap="flat" cmpd="sng" algn="ctr">
            <a:solidFill>
              <a:schemeClr val="bg1">
                <a:lumMod val="7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sp>
        <p:nvSpPr>
          <p:cNvPr id="21" name="Rectangle 20"/>
          <p:cNvSpPr/>
          <p:nvPr/>
        </p:nvSpPr>
        <p:spPr bwMode="auto">
          <a:xfrm flipV="1">
            <a:off x="990010" y="2780926"/>
            <a:ext cx="10541800" cy="229958"/>
          </a:xfrm>
          <a:prstGeom prst="rect">
            <a:avLst/>
          </a:prstGeom>
          <a:solidFill>
            <a:schemeClr val="bg1">
              <a:lumMod val="75000"/>
            </a:schemeClr>
          </a:solidFill>
          <a:ln w="9525" cap="flat" cmpd="sng" algn="ctr">
            <a:solidFill>
              <a:schemeClr val="bg1">
                <a:lumMod val="7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sp>
        <p:nvSpPr>
          <p:cNvPr id="22" name="Rectangle 21"/>
          <p:cNvSpPr/>
          <p:nvPr/>
        </p:nvSpPr>
        <p:spPr bwMode="auto">
          <a:xfrm>
            <a:off x="11315786" y="2624584"/>
            <a:ext cx="216024" cy="288032"/>
          </a:xfrm>
          <a:prstGeom prst="rect">
            <a:avLst/>
          </a:prstGeom>
          <a:solidFill>
            <a:schemeClr val="bg1">
              <a:lumMod val="75000"/>
            </a:schemeClr>
          </a:solidFill>
          <a:ln w="9525" cap="flat" cmpd="sng" algn="ctr">
            <a:solidFill>
              <a:schemeClr val="bg1">
                <a:lumMod val="7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sp>
        <p:nvSpPr>
          <p:cNvPr id="23" name="Rectangle 22"/>
          <p:cNvSpPr/>
          <p:nvPr/>
        </p:nvSpPr>
        <p:spPr bwMode="auto">
          <a:xfrm>
            <a:off x="5519142" y="4077072"/>
            <a:ext cx="4752528" cy="1584176"/>
          </a:xfrm>
          <a:prstGeom prst="rect">
            <a:avLst/>
          </a:prstGeom>
          <a:noFill/>
          <a:ln w="2857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sp>
        <p:nvSpPr>
          <p:cNvPr id="24" name="TextBox 23"/>
          <p:cNvSpPr txBox="1"/>
          <p:nvPr/>
        </p:nvSpPr>
        <p:spPr>
          <a:xfrm>
            <a:off x="5591150" y="5301208"/>
            <a:ext cx="4608512" cy="246221"/>
          </a:xfrm>
          <a:prstGeom prst="rect">
            <a:avLst/>
          </a:prstGeom>
          <a:noFill/>
        </p:spPr>
        <p:txBody>
          <a:bodyPr wrap="square" lIns="0" tIns="0" rIns="0" bIns="0" rtlCol="0">
            <a:spAutoFit/>
          </a:bodyPr>
          <a:lstStyle/>
          <a:p>
            <a:pPr algn="ctr">
              <a:spcBef>
                <a:spcPts val="432"/>
              </a:spcBef>
            </a:pPr>
            <a:r>
              <a:rPr lang="en-US">
                <a:latin typeface="+mn-lt"/>
              </a:rPr>
              <a:t>Conducted in parallel</a:t>
            </a:r>
          </a:p>
        </p:txBody>
      </p:sp>
      <p:sp>
        <p:nvSpPr>
          <p:cNvPr id="14" name="Down Arrow 13"/>
          <p:cNvSpPr/>
          <p:nvPr/>
        </p:nvSpPr>
        <p:spPr bwMode="auto">
          <a:xfrm>
            <a:off x="9695606" y="2535102"/>
            <a:ext cx="360040" cy="1541970"/>
          </a:xfrm>
          <a:prstGeom prst="downArrow">
            <a:avLst/>
          </a:prstGeom>
          <a:solidFill>
            <a:schemeClr val="bg1">
              <a:lumMod val="75000"/>
            </a:schemeClr>
          </a:solidFill>
          <a:ln w="9525" cap="flat" cmpd="sng" algn="ctr">
            <a:solidFill>
              <a:schemeClr val="bg1">
                <a:lumMod val="7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pic>
        <p:nvPicPr>
          <p:cNvPr id="75" name="Picture 2" descr="Logo&#10;&#10;Description automatically generated">
            <a:extLst>
              <a:ext uri="{FF2B5EF4-FFF2-40B4-BE49-F238E27FC236}">
                <a16:creationId xmlns:a16="http://schemas.microsoft.com/office/drawing/2014/main" id="{83A3CC97-1DC5-C381-CFBB-4A27DBAE945B}"/>
              </a:ext>
            </a:extLst>
          </p:cNvPr>
          <p:cNvPicPr>
            <a:picLocks noChangeAspect="1"/>
          </p:cNvPicPr>
          <p:nvPr/>
        </p:nvPicPr>
        <p:blipFill rotWithShape="1">
          <a:blip r:embed="rId15"/>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2705506384"/>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2" descr="Logo&#10;&#10;Description automatically generated">
            <a:extLst>
              <a:ext uri="{FF2B5EF4-FFF2-40B4-BE49-F238E27FC236}">
                <a16:creationId xmlns:a16="http://schemas.microsoft.com/office/drawing/2014/main" id="{0C1A9CA2-8C96-BFE3-3810-C33BC6BEBC76}"/>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30</a:t>
            </a:fld>
            <a:endParaRPr lang="en-GB"/>
          </a:p>
        </p:txBody>
      </p:sp>
      <p:sp>
        <p:nvSpPr>
          <p:cNvPr id="9" name="TextBox 8">
            <a:extLst>
              <a:ext uri="{FF2B5EF4-FFF2-40B4-BE49-F238E27FC236}">
                <a16:creationId xmlns:a16="http://schemas.microsoft.com/office/drawing/2014/main" id="{E2F39260-A4FE-4456-D2D3-5500D575B9BE}"/>
              </a:ext>
            </a:extLst>
          </p:cNvPr>
          <p:cNvSpPr txBox="1"/>
          <p:nvPr/>
        </p:nvSpPr>
        <p:spPr>
          <a:xfrm>
            <a:off x="216664" y="1250746"/>
            <a:ext cx="2740343" cy="4503797"/>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b="1" dirty="0">
                <a:latin typeface="+mn-lt"/>
                <a:ea typeface="ＭＳ Ｐゴシック"/>
                <a:cs typeface="Arial"/>
              </a:rPr>
              <a:t>EXAMPLE </a:t>
            </a:r>
            <a:r>
              <a:rPr lang="en-US" dirty="0">
                <a:latin typeface="+mn-lt"/>
                <a:ea typeface="ＭＳ Ｐゴシック"/>
                <a:cs typeface="Arial"/>
              </a:rPr>
              <a:t>CARD output:</a:t>
            </a:r>
            <a:endParaRPr lang="en-US">
              <a:latin typeface="+mn-lt"/>
              <a:cs typeface="Arial"/>
            </a:endParaRPr>
          </a:p>
          <a:p>
            <a:pPr>
              <a:spcBef>
                <a:spcPts val="432"/>
              </a:spcBef>
            </a:pPr>
            <a:endParaRPr lang="en-US">
              <a:latin typeface="+mn-lt"/>
              <a:cs typeface="Arial"/>
            </a:endParaRPr>
          </a:p>
          <a:p>
            <a:pPr marL="285750" indent="-285750">
              <a:spcBef>
                <a:spcPts val="432"/>
              </a:spcBef>
              <a:buFont typeface="Arial"/>
              <a:buChar char="•"/>
            </a:pPr>
            <a:r>
              <a:rPr lang="en-US" dirty="0" err="1">
                <a:latin typeface="+mn-lt"/>
                <a:ea typeface="ＭＳ Ｐゴシック"/>
                <a:cs typeface="Arial"/>
              </a:rPr>
              <a:t>EmrY</a:t>
            </a:r>
            <a:r>
              <a:rPr lang="en-US" dirty="0">
                <a:latin typeface="+mn-lt"/>
                <a:ea typeface="ＭＳ Ｐゴシック"/>
                <a:cs typeface="Arial"/>
              </a:rPr>
              <a:t>, </a:t>
            </a:r>
            <a:r>
              <a:rPr lang="en-US" dirty="0" err="1">
                <a:latin typeface="+mn-lt"/>
                <a:ea typeface="ＭＳ Ｐゴシック"/>
                <a:cs typeface="Arial"/>
              </a:rPr>
              <a:t>emrK</a:t>
            </a:r>
            <a:r>
              <a:rPr lang="en-US" dirty="0">
                <a:latin typeface="+mn-lt"/>
                <a:ea typeface="ＭＳ Ｐゴシック"/>
                <a:cs typeface="Arial"/>
              </a:rPr>
              <a:t> and </a:t>
            </a:r>
            <a:r>
              <a:rPr lang="en-US" dirty="0" err="1">
                <a:latin typeface="+mn-lt"/>
                <a:ea typeface="ＭＳ Ｐゴシック"/>
                <a:cs typeface="Arial"/>
              </a:rPr>
              <a:t>emrB</a:t>
            </a:r>
            <a:endParaRPr lang="en-US" dirty="0">
              <a:latin typeface="+mn-lt"/>
              <a:cs typeface="Arial"/>
            </a:endParaRPr>
          </a:p>
          <a:p>
            <a:pPr marL="285750" indent="-285750">
              <a:spcBef>
                <a:spcPts val="432"/>
              </a:spcBef>
              <a:buFont typeface="Arial"/>
              <a:buChar char="•"/>
            </a:pPr>
            <a:endParaRPr lang="en-US" dirty="0">
              <a:latin typeface="+mn-lt"/>
              <a:cs typeface="Arial"/>
            </a:endParaRPr>
          </a:p>
          <a:p>
            <a:pPr marL="285750" indent="-285750">
              <a:spcBef>
                <a:spcPts val="432"/>
              </a:spcBef>
              <a:buFont typeface="Arial"/>
              <a:buChar char="•"/>
            </a:pPr>
            <a:r>
              <a:rPr lang="en-US" dirty="0">
                <a:latin typeface="+mn-lt"/>
                <a:ea typeface="ＭＳ Ｐゴシック"/>
                <a:cs typeface="Arial"/>
              </a:rPr>
              <a:t>Perfect hits!</a:t>
            </a:r>
            <a:endParaRPr lang="en-US" dirty="0">
              <a:latin typeface="+mn-lt"/>
              <a:cs typeface="Arial"/>
            </a:endParaRPr>
          </a:p>
          <a:p>
            <a:pPr marL="742950" lvl="1" indent="-285750">
              <a:spcBef>
                <a:spcPts val="432"/>
              </a:spcBef>
              <a:buFont typeface="Arial"/>
              <a:buChar char="•"/>
            </a:pPr>
            <a:r>
              <a:rPr lang="en-US" dirty="0">
                <a:latin typeface="+mn-lt"/>
                <a:ea typeface="ＭＳ Ｐゴシック"/>
                <a:cs typeface="Arial"/>
              </a:rPr>
              <a:t>Expect for </a:t>
            </a:r>
            <a:r>
              <a:rPr lang="en-US" dirty="0" err="1">
                <a:latin typeface="+mn-lt"/>
                <a:ea typeface="ＭＳ Ｐゴシック"/>
                <a:cs typeface="Arial"/>
              </a:rPr>
              <a:t>emrK</a:t>
            </a:r>
            <a:r>
              <a:rPr lang="en-US" dirty="0">
                <a:latin typeface="+mn-lt"/>
                <a:ea typeface="ＭＳ Ｐゴシック"/>
                <a:cs typeface="Arial"/>
              </a:rPr>
              <a:t>, ID and COV are 100%</a:t>
            </a:r>
            <a:endParaRPr lang="en-US">
              <a:latin typeface="+mn-lt"/>
              <a:cs typeface="Arial"/>
            </a:endParaRPr>
          </a:p>
          <a:p>
            <a:pPr marL="285750" indent="-285750">
              <a:spcBef>
                <a:spcPts val="432"/>
              </a:spcBef>
              <a:buFont typeface="Arial"/>
              <a:buChar char="•"/>
            </a:pPr>
            <a:endParaRPr lang="en-US" dirty="0">
              <a:latin typeface="+mn-lt"/>
              <a:cs typeface="Arial"/>
            </a:endParaRPr>
          </a:p>
          <a:p>
            <a:pPr marL="285750" indent="-285750">
              <a:spcBef>
                <a:spcPts val="432"/>
              </a:spcBef>
              <a:buFont typeface="Arial"/>
              <a:buChar char="•"/>
            </a:pPr>
            <a:r>
              <a:rPr lang="en-US" dirty="0">
                <a:latin typeface="+mn-lt"/>
                <a:ea typeface="ＭＳ Ｐゴシック"/>
                <a:cs typeface="Arial"/>
              </a:rPr>
              <a:t>Should we expect resistance to tetracycline and fluoroquinolones in this isolate?</a:t>
            </a:r>
            <a:endParaRPr lang="en-US" dirty="0">
              <a:latin typeface="+mn-lt"/>
              <a:cs typeface="Arial"/>
            </a:endParaRPr>
          </a:p>
          <a:p>
            <a:pPr marL="285750" indent="-285750">
              <a:spcBef>
                <a:spcPts val="432"/>
              </a:spcBef>
              <a:buFont typeface="Arial"/>
              <a:buChar char="•"/>
            </a:pPr>
            <a:endParaRPr lang="en-US" dirty="0">
              <a:latin typeface="+mn-lt"/>
              <a:cs typeface="Arial"/>
            </a:endParaRPr>
          </a:p>
          <a:p>
            <a:pPr marL="285750" indent="-285750">
              <a:spcBef>
                <a:spcPts val="432"/>
              </a:spcBef>
              <a:buFont typeface="Arial"/>
              <a:buChar char="•"/>
            </a:pPr>
            <a:endParaRPr lang="en-US" dirty="0">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pic>
        <p:nvPicPr>
          <p:cNvPr id="5" name="Picture 5">
            <a:extLst>
              <a:ext uri="{FF2B5EF4-FFF2-40B4-BE49-F238E27FC236}">
                <a16:creationId xmlns:a16="http://schemas.microsoft.com/office/drawing/2014/main" id="{14F07D95-4CC9-4E94-9552-D93A198CD74A}"/>
              </a:ext>
            </a:extLst>
          </p:cNvPr>
          <p:cNvPicPr>
            <a:picLocks noChangeAspect="1"/>
          </p:cNvPicPr>
          <p:nvPr/>
        </p:nvPicPr>
        <p:blipFill rotWithShape="1">
          <a:blip r:embed="rId5"/>
          <a:srcRect l="-30" r="47930" b="592"/>
          <a:stretch/>
        </p:blipFill>
        <p:spPr>
          <a:xfrm>
            <a:off x="3983586" y="869242"/>
            <a:ext cx="6499614" cy="1312771"/>
          </a:xfrm>
          <a:prstGeom prst="rect">
            <a:avLst/>
          </a:prstGeom>
        </p:spPr>
      </p:pic>
      <p:pic>
        <p:nvPicPr>
          <p:cNvPr id="6" name="Picture 5" descr="Graphical user interface, application&#10;&#10;Description automatically generated">
            <a:extLst>
              <a:ext uri="{FF2B5EF4-FFF2-40B4-BE49-F238E27FC236}">
                <a16:creationId xmlns:a16="http://schemas.microsoft.com/office/drawing/2014/main" id="{9DAFCA4E-83B0-1391-D721-D90C45429E92}"/>
              </a:ext>
            </a:extLst>
          </p:cNvPr>
          <p:cNvPicPr>
            <a:picLocks noChangeAspect="1"/>
          </p:cNvPicPr>
          <p:nvPr/>
        </p:nvPicPr>
        <p:blipFill rotWithShape="1">
          <a:blip r:embed="rId5"/>
          <a:srcRect l="51945" r="-63" b="592"/>
          <a:stretch/>
        </p:blipFill>
        <p:spPr>
          <a:xfrm>
            <a:off x="4061505" y="3989313"/>
            <a:ext cx="6002839" cy="1312771"/>
          </a:xfrm>
          <a:prstGeom prst="rect">
            <a:avLst/>
          </a:prstGeom>
        </p:spPr>
      </p:pic>
      <p:pic>
        <p:nvPicPr>
          <p:cNvPr id="8" name="Picture 9" descr="A picture containing application&#10;&#10;Description automatically generated">
            <a:extLst>
              <a:ext uri="{FF2B5EF4-FFF2-40B4-BE49-F238E27FC236}">
                <a16:creationId xmlns:a16="http://schemas.microsoft.com/office/drawing/2014/main" id="{32877A3D-9012-D357-3B75-2926ADD75AC9}"/>
              </a:ext>
            </a:extLst>
          </p:cNvPr>
          <p:cNvPicPr>
            <a:picLocks noChangeAspect="1"/>
          </p:cNvPicPr>
          <p:nvPr/>
        </p:nvPicPr>
        <p:blipFill>
          <a:blip r:embed="rId6"/>
          <a:stretch>
            <a:fillRect/>
          </a:stretch>
        </p:blipFill>
        <p:spPr>
          <a:xfrm>
            <a:off x="3919880" y="116828"/>
            <a:ext cx="6567799" cy="799522"/>
          </a:xfrm>
          <a:prstGeom prst="rect">
            <a:avLst/>
          </a:prstGeom>
        </p:spPr>
      </p:pic>
      <p:pic>
        <p:nvPicPr>
          <p:cNvPr id="10" name="Picture 10" descr="Graphical user interface, application&#10;&#10;Description automatically generated">
            <a:extLst>
              <a:ext uri="{FF2B5EF4-FFF2-40B4-BE49-F238E27FC236}">
                <a16:creationId xmlns:a16="http://schemas.microsoft.com/office/drawing/2014/main" id="{C2C0BB68-8757-FCE1-355F-0729CBBE616D}"/>
              </a:ext>
            </a:extLst>
          </p:cNvPr>
          <p:cNvPicPr>
            <a:picLocks noChangeAspect="1"/>
          </p:cNvPicPr>
          <p:nvPr/>
        </p:nvPicPr>
        <p:blipFill>
          <a:blip r:embed="rId7"/>
          <a:stretch>
            <a:fillRect/>
          </a:stretch>
        </p:blipFill>
        <p:spPr>
          <a:xfrm>
            <a:off x="4029290" y="3254844"/>
            <a:ext cx="6035739" cy="762709"/>
          </a:xfrm>
          <a:prstGeom prst="rect">
            <a:avLst/>
          </a:prstGeom>
        </p:spPr>
      </p:pic>
      <p:pic>
        <p:nvPicPr>
          <p:cNvPr id="13" name="Picture 13" descr="Graphical user interface, application, Word&#10;&#10;Description automatically generated">
            <a:extLst>
              <a:ext uri="{FF2B5EF4-FFF2-40B4-BE49-F238E27FC236}">
                <a16:creationId xmlns:a16="http://schemas.microsoft.com/office/drawing/2014/main" id="{02EED1F6-4350-CE10-C209-4E695B001ED4}"/>
              </a:ext>
            </a:extLst>
          </p:cNvPr>
          <p:cNvPicPr>
            <a:picLocks noChangeAspect="1"/>
          </p:cNvPicPr>
          <p:nvPr/>
        </p:nvPicPr>
        <p:blipFill>
          <a:blip r:embed="rId8"/>
          <a:stretch>
            <a:fillRect/>
          </a:stretch>
        </p:blipFill>
        <p:spPr>
          <a:xfrm>
            <a:off x="3982399" y="2179204"/>
            <a:ext cx="6505204" cy="701643"/>
          </a:xfrm>
          <a:prstGeom prst="rect">
            <a:avLst/>
          </a:prstGeom>
        </p:spPr>
      </p:pic>
      <p:pic>
        <p:nvPicPr>
          <p:cNvPr id="14" name="Picture 14" descr="Graphical user interface, application, Word&#10;&#10;Description automatically generated">
            <a:extLst>
              <a:ext uri="{FF2B5EF4-FFF2-40B4-BE49-F238E27FC236}">
                <a16:creationId xmlns:a16="http://schemas.microsoft.com/office/drawing/2014/main" id="{62E33FF0-856A-0E1F-79E3-B54F408F7FCC}"/>
              </a:ext>
            </a:extLst>
          </p:cNvPr>
          <p:cNvPicPr>
            <a:picLocks noChangeAspect="1"/>
          </p:cNvPicPr>
          <p:nvPr/>
        </p:nvPicPr>
        <p:blipFill>
          <a:blip r:embed="rId9"/>
          <a:stretch>
            <a:fillRect/>
          </a:stretch>
        </p:blipFill>
        <p:spPr>
          <a:xfrm>
            <a:off x="4060549" y="5294574"/>
            <a:ext cx="5949672" cy="687204"/>
          </a:xfrm>
          <a:prstGeom prst="rect">
            <a:avLst/>
          </a:prstGeom>
        </p:spPr>
      </p:pic>
      <p:pic>
        <p:nvPicPr>
          <p:cNvPr id="2" name="Picture 2">
            <a:extLst>
              <a:ext uri="{FF2B5EF4-FFF2-40B4-BE49-F238E27FC236}">
                <a16:creationId xmlns:a16="http://schemas.microsoft.com/office/drawing/2014/main" id="{AD8E77D2-2247-BF07-83FF-851B3B1A86CD}"/>
              </a:ext>
            </a:extLst>
          </p:cNvPr>
          <p:cNvPicPr>
            <a:picLocks noChangeAspect="1"/>
          </p:cNvPicPr>
          <p:nvPr/>
        </p:nvPicPr>
        <p:blipFill>
          <a:blip r:embed="rId10"/>
          <a:stretch>
            <a:fillRect/>
          </a:stretch>
        </p:blipFill>
        <p:spPr>
          <a:xfrm>
            <a:off x="1075242" y="145061"/>
            <a:ext cx="2741669" cy="672123"/>
          </a:xfrm>
          <a:prstGeom prst="rect">
            <a:avLst/>
          </a:prstGeom>
        </p:spPr>
      </p:pic>
    </p:spTree>
    <p:custDataLst>
      <p:custData r:id="rId1"/>
      <p:custData r:id="rId2"/>
    </p:custDataLst>
    <p:extLst>
      <p:ext uri="{BB962C8B-B14F-4D97-AF65-F5344CB8AC3E}">
        <p14:creationId xmlns:p14="http://schemas.microsoft.com/office/powerpoint/2010/main" val="480203581"/>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2" descr="Logo&#10;&#10;Description automatically generated">
            <a:extLst>
              <a:ext uri="{FF2B5EF4-FFF2-40B4-BE49-F238E27FC236}">
                <a16:creationId xmlns:a16="http://schemas.microsoft.com/office/drawing/2014/main" id="{C0A84825-7960-CE8A-78B6-0F028B1CAEA4}"/>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31</a:t>
            </a:fld>
            <a:endParaRPr lang="en-GB"/>
          </a:p>
        </p:txBody>
      </p:sp>
      <p:pic>
        <p:nvPicPr>
          <p:cNvPr id="2" name="Picture 2" descr="Graphical user interface, application&#10;&#10;Description automatically generated">
            <a:extLst>
              <a:ext uri="{FF2B5EF4-FFF2-40B4-BE49-F238E27FC236}">
                <a16:creationId xmlns:a16="http://schemas.microsoft.com/office/drawing/2014/main" id="{62B268DA-00AC-AAA6-3985-0ED50656F43B}"/>
              </a:ext>
            </a:extLst>
          </p:cNvPr>
          <p:cNvPicPr>
            <a:picLocks noChangeAspect="1"/>
          </p:cNvPicPr>
          <p:nvPr/>
        </p:nvPicPr>
        <p:blipFill>
          <a:blip r:embed="rId5"/>
          <a:stretch>
            <a:fillRect/>
          </a:stretch>
        </p:blipFill>
        <p:spPr>
          <a:xfrm>
            <a:off x="3505688" y="116347"/>
            <a:ext cx="7678863" cy="6434831"/>
          </a:xfrm>
          <a:prstGeom prst="rect">
            <a:avLst/>
          </a:prstGeom>
        </p:spPr>
      </p:pic>
      <p:sp>
        <p:nvSpPr>
          <p:cNvPr id="12" name="TextBox 11">
            <a:extLst>
              <a:ext uri="{FF2B5EF4-FFF2-40B4-BE49-F238E27FC236}">
                <a16:creationId xmlns:a16="http://schemas.microsoft.com/office/drawing/2014/main" id="{5FFE03F3-F2BE-D712-8172-5AFAD1AAAB1C}"/>
              </a:ext>
            </a:extLst>
          </p:cNvPr>
          <p:cNvSpPr txBox="1"/>
          <p:nvPr/>
        </p:nvSpPr>
        <p:spPr>
          <a:xfrm>
            <a:off x="216664" y="1250746"/>
            <a:ext cx="2740343" cy="287258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dirty="0">
                <a:latin typeface="+mn-lt"/>
                <a:ea typeface="ＭＳ Ｐゴシック"/>
                <a:cs typeface="Arial"/>
              </a:rPr>
              <a:t>Lets try a different tool for the strain: </a:t>
            </a:r>
            <a:r>
              <a:rPr lang="en-US" dirty="0" err="1">
                <a:latin typeface="+mn-lt"/>
                <a:ea typeface="ＭＳ Ｐゴシック"/>
                <a:cs typeface="Arial"/>
              </a:rPr>
              <a:t>ResFinder</a:t>
            </a:r>
            <a:endParaRPr lang="en-US" dirty="0" err="1">
              <a:latin typeface="+mn-lt"/>
              <a:cs typeface="Arial"/>
            </a:endParaRPr>
          </a:p>
          <a:p>
            <a:pPr>
              <a:spcBef>
                <a:spcPts val="432"/>
              </a:spcBef>
            </a:pPr>
            <a:endParaRPr lang="en-US">
              <a:latin typeface="+mn-lt"/>
              <a:cs typeface="Arial"/>
            </a:endParaRPr>
          </a:p>
          <a:p>
            <a:pPr marL="285750" indent="-285750">
              <a:spcBef>
                <a:spcPts val="432"/>
              </a:spcBef>
              <a:buFont typeface="Arial"/>
              <a:buChar char="•"/>
            </a:pPr>
            <a:r>
              <a:rPr lang="en-US" dirty="0">
                <a:latin typeface="+mn-lt"/>
                <a:ea typeface="ＭＳ Ｐゴシック"/>
                <a:cs typeface="Arial"/>
              </a:rPr>
              <a:t>No resistance at all?</a:t>
            </a:r>
            <a:endParaRPr lang="en-US" dirty="0">
              <a:latin typeface="+mn-lt"/>
              <a:cs typeface="Arial"/>
            </a:endParaRPr>
          </a:p>
          <a:p>
            <a:pPr marL="285750" indent="-285750">
              <a:spcBef>
                <a:spcPts val="432"/>
              </a:spcBef>
              <a:buFont typeface="Arial"/>
              <a:buChar char="•"/>
            </a:pPr>
            <a:endParaRPr lang="en-US" dirty="0">
              <a:latin typeface="+mn-lt"/>
              <a:cs typeface="Arial"/>
            </a:endParaRPr>
          </a:p>
          <a:p>
            <a:pPr marL="285750" indent="-285750">
              <a:spcBef>
                <a:spcPts val="432"/>
              </a:spcBef>
              <a:buFont typeface="Arial"/>
              <a:buChar char="•"/>
            </a:pPr>
            <a:endParaRPr lang="en-US" dirty="0">
              <a:latin typeface="+mn-lt"/>
              <a:cs typeface="Arial"/>
            </a:endParaRPr>
          </a:p>
          <a:p>
            <a:pPr>
              <a:spcBef>
                <a:spcPts val="432"/>
              </a:spcBef>
            </a:pPr>
            <a:endParaRPr lang="en-US" dirty="0">
              <a:latin typeface="+mn-lt"/>
              <a:cs typeface="Arial"/>
            </a:endParaRPr>
          </a:p>
          <a:p>
            <a:pPr marL="285750" indent="-285750">
              <a:spcBef>
                <a:spcPts val="432"/>
              </a:spcBef>
              <a:buFont typeface="Arial"/>
              <a:buChar char="•"/>
            </a:pPr>
            <a:endParaRPr lang="en-US" dirty="0">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spTree>
    <p:custDataLst>
      <p:custData r:id="rId1"/>
      <p:custData r:id="rId2"/>
    </p:custDataLst>
    <p:extLst>
      <p:ext uri="{BB962C8B-B14F-4D97-AF65-F5344CB8AC3E}">
        <p14:creationId xmlns:p14="http://schemas.microsoft.com/office/powerpoint/2010/main" val="1185554103"/>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2" descr="Logo&#10;&#10;Description automatically generated">
            <a:extLst>
              <a:ext uri="{FF2B5EF4-FFF2-40B4-BE49-F238E27FC236}">
                <a16:creationId xmlns:a16="http://schemas.microsoft.com/office/drawing/2014/main" id="{22C929F5-3C34-9285-4CC0-77504C0A4112}"/>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32</a:t>
            </a:fld>
            <a:endParaRPr lang="en-GB"/>
          </a:p>
        </p:txBody>
      </p:sp>
      <p:sp>
        <p:nvSpPr>
          <p:cNvPr id="9" name="TextBox 8">
            <a:extLst>
              <a:ext uri="{FF2B5EF4-FFF2-40B4-BE49-F238E27FC236}">
                <a16:creationId xmlns:a16="http://schemas.microsoft.com/office/drawing/2014/main" id="{E2F39260-A4FE-4456-D2D3-5500D575B9BE}"/>
              </a:ext>
            </a:extLst>
          </p:cNvPr>
          <p:cNvSpPr txBox="1"/>
          <p:nvPr/>
        </p:nvSpPr>
        <p:spPr>
          <a:xfrm>
            <a:off x="216664" y="1250746"/>
            <a:ext cx="2740343" cy="3118803"/>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dirty="0">
                <a:latin typeface="+mn-lt"/>
                <a:ea typeface="ＭＳ Ｐゴシック"/>
                <a:cs typeface="Arial"/>
              </a:rPr>
              <a:t>Lets try a different tool for the strain: </a:t>
            </a:r>
            <a:r>
              <a:rPr lang="en-US" dirty="0" err="1">
                <a:latin typeface="+mn-lt"/>
                <a:ea typeface="ＭＳ Ｐゴシック"/>
                <a:cs typeface="Arial"/>
              </a:rPr>
              <a:t>ResFinder</a:t>
            </a:r>
            <a:endParaRPr lang="en-US" dirty="0" err="1">
              <a:latin typeface="+mn-lt"/>
              <a:cs typeface="Arial"/>
            </a:endParaRPr>
          </a:p>
          <a:p>
            <a:pPr>
              <a:spcBef>
                <a:spcPts val="432"/>
              </a:spcBef>
            </a:pPr>
            <a:endParaRPr lang="en-US">
              <a:latin typeface="+mn-lt"/>
              <a:cs typeface="Arial"/>
            </a:endParaRPr>
          </a:p>
          <a:p>
            <a:pPr marL="285750" indent="-285750">
              <a:spcBef>
                <a:spcPts val="432"/>
              </a:spcBef>
              <a:buFont typeface="Arial"/>
              <a:buChar char="•"/>
            </a:pPr>
            <a:r>
              <a:rPr lang="en-US" dirty="0">
                <a:latin typeface="+mn-lt"/>
                <a:ea typeface="ＭＳ Ｐゴシック"/>
                <a:cs typeface="Arial"/>
              </a:rPr>
              <a:t>No resistance at all?</a:t>
            </a:r>
            <a:endParaRPr lang="en-US" dirty="0">
              <a:latin typeface="+mn-lt"/>
              <a:cs typeface="Arial"/>
            </a:endParaRPr>
          </a:p>
          <a:p>
            <a:pPr marL="285750" indent="-285750">
              <a:spcBef>
                <a:spcPts val="432"/>
              </a:spcBef>
              <a:buFont typeface="Arial"/>
              <a:buChar char="•"/>
            </a:pPr>
            <a:endParaRPr lang="en-US" dirty="0">
              <a:latin typeface="+mn-lt"/>
              <a:cs typeface="Arial"/>
            </a:endParaRPr>
          </a:p>
          <a:p>
            <a:pPr marL="285750" indent="-285750">
              <a:spcBef>
                <a:spcPts val="432"/>
              </a:spcBef>
              <a:buFont typeface="Arial"/>
              <a:buChar char="•"/>
            </a:pPr>
            <a:r>
              <a:rPr lang="en-US" dirty="0">
                <a:latin typeface="+mn-lt"/>
                <a:ea typeface="ＭＳ Ｐゴシック"/>
                <a:cs typeface="Arial"/>
              </a:rPr>
              <a:t>No resistance to tetracycline or quinolones?</a:t>
            </a:r>
            <a:endParaRPr lang="en-US" dirty="0">
              <a:latin typeface="+mn-lt"/>
              <a:cs typeface="Arial"/>
            </a:endParaRPr>
          </a:p>
          <a:p>
            <a:pPr>
              <a:spcBef>
                <a:spcPts val="432"/>
              </a:spcBef>
            </a:pPr>
            <a:endParaRPr lang="en-US" dirty="0">
              <a:latin typeface="+mn-lt"/>
              <a:cs typeface="Arial"/>
            </a:endParaRPr>
          </a:p>
          <a:p>
            <a:pPr marL="285750" indent="-285750">
              <a:spcBef>
                <a:spcPts val="432"/>
              </a:spcBef>
              <a:buFont typeface="Arial"/>
              <a:buChar char="•"/>
            </a:pPr>
            <a:endParaRPr lang="en-US" dirty="0">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pic>
        <p:nvPicPr>
          <p:cNvPr id="2" name="Picture 2" descr="Graphical user interface, application&#10;&#10;Description automatically generated">
            <a:extLst>
              <a:ext uri="{FF2B5EF4-FFF2-40B4-BE49-F238E27FC236}">
                <a16:creationId xmlns:a16="http://schemas.microsoft.com/office/drawing/2014/main" id="{62B268DA-00AC-AAA6-3985-0ED50656F43B}"/>
              </a:ext>
            </a:extLst>
          </p:cNvPr>
          <p:cNvPicPr>
            <a:picLocks noChangeAspect="1"/>
          </p:cNvPicPr>
          <p:nvPr/>
        </p:nvPicPr>
        <p:blipFill>
          <a:blip r:embed="rId5"/>
          <a:stretch>
            <a:fillRect/>
          </a:stretch>
        </p:blipFill>
        <p:spPr>
          <a:xfrm>
            <a:off x="3505688" y="116347"/>
            <a:ext cx="7678863" cy="6434831"/>
          </a:xfrm>
          <a:prstGeom prst="rect">
            <a:avLst/>
          </a:prstGeom>
        </p:spPr>
      </p:pic>
      <p:sp>
        <p:nvSpPr>
          <p:cNvPr id="3" name="Arrow: Left 2">
            <a:extLst>
              <a:ext uri="{FF2B5EF4-FFF2-40B4-BE49-F238E27FC236}">
                <a16:creationId xmlns:a16="http://schemas.microsoft.com/office/drawing/2014/main" id="{A54AC35F-E2CF-9B5F-6504-39FF83CE1140}"/>
              </a:ext>
            </a:extLst>
          </p:cNvPr>
          <p:cNvSpPr/>
          <p:nvPr/>
        </p:nvSpPr>
        <p:spPr bwMode="auto">
          <a:xfrm rot="10800000">
            <a:off x="3004165" y="3656156"/>
            <a:ext cx="532418" cy="226283"/>
          </a:xfrm>
          <a:prstGeom prst="lef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 name="Arrow: Left 4">
            <a:extLst>
              <a:ext uri="{FF2B5EF4-FFF2-40B4-BE49-F238E27FC236}">
                <a16:creationId xmlns:a16="http://schemas.microsoft.com/office/drawing/2014/main" id="{8012F575-7FBD-2E77-D706-3BA97B2FC9C1}"/>
              </a:ext>
            </a:extLst>
          </p:cNvPr>
          <p:cNvSpPr/>
          <p:nvPr/>
        </p:nvSpPr>
        <p:spPr bwMode="auto">
          <a:xfrm rot="10800000">
            <a:off x="3006091" y="4821402"/>
            <a:ext cx="532418" cy="226283"/>
          </a:xfrm>
          <a:prstGeom prst="lef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6" name="Arrow: Left 5">
            <a:extLst>
              <a:ext uri="{FF2B5EF4-FFF2-40B4-BE49-F238E27FC236}">
                <a16:creationId xmlns:a16="http://schemas.microsoft.com/office/drawing/2014/main" id="{62F6D99E-D6AD-78AA-C6B7-75163AC298D4}"/>
              </a:ext>
            </a:extLst>
          </p:cNvPr>
          <p:cNvSpPr/>
          <p:nvPr/>
        </p:nvSpPr>
        <p:spPr bwMode="auto">
          <a:xfrm rot="10800000">
            <a:off x="3008018" y="5204717"/>
            <a:ext cx="532418" cy="226283"/>
          </a:xfrm>
          <a:prstGeom prst="lef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Tree>
    <p:custDataLst>
      <p:custData r:id="rId1"/>
      <p:custData r:id="rId2"/>
    </p:custDataLst>
    <p:extLst>
      <p:ext uri="{BB962C8B-B14F-4D97-AF65-F5344CB8AC3E}">
        <p14:creationId xmlns:p14="http://schemas.microsoft.com/office/powerpoint/2010/main" val="3795028228"/>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2" descr="Logo&#10;&#10;Description automatically generated">
            <a:extLst>
              <a:ext uri="{FF2B5EF4-FFF2-40B4-BE49-F238E27FC236}">
                <a16:creationId xmlns:a16="http://schemas.microsoft.com/office/drawing/2014/main" id="{9148383F-8179-168C-B3BB-9DB8630A685E}"/>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33</a:t>
            </a:fld>
            <a:endParaRPr lang="en-GB"/>
          </a:p>
        </p:txBody>
      </p:sp>
      <p:sp>
        <p:nvSpPr>
          <p:cNvPr id="9" name="TextBox 8">
            <a:extLst>
              <a:ext uri="{FF2B5EF4-FFF2-40B4-BE49-F238E27FC236}">
                <a16:creationId xmlns:a16="http://schemas.microsoft.com/office/drawing/2014/main" id="{E2F39260-A4FE-4456-D2D3-5500D575B9BE}"/>
              </a:ext>
            </a:extLst>
          </p:cNvPr>
          <p:cNvSpPr txBox="1"/>
          <p:nvPr/>
        </p:nvSpPr>
        <p:spPr>
          <a:xfrm>
            <a:off x="216664" y="1250746"/>
            <a:ext cx="2740343" cy="420628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dirty="0">
                <a:latin typeface="+mn-lt"/>
                <a:ea typeface="ＭＳ Ｐゴシック"/>
                <a:cs typeface="Arial"/>
              </a:rPr>
              <a:t>Lets try a different tool for the strain: </a:t>
            </a:r>
            <a:r>
              <a:rPr lang="en-US" dirty="0" err="1">
                <a:latin typeface="+mn-lt"/>
                <a:ea typeface="ＭＳ Ｐゴシック"/>
                <a:cs typeface="Arial"/>
              </a:rPr>
              <a:t>ResFinder</a:t>
            </a:r>
            <a:endParaRPr lang="en-US" dirty="0" err="1">
              <a:latin typeface="+mn-lt"/>
              <a:cs typeface="Arial"/>
            </a:endParaRPr>
          </a:p>
          <a:p>
            <a:pPr>
              <a:spcBef>
                <a:spcPts val="432"/>
              </a:spcBef>
            </a:pPr>
            <a:endParaRPr lang="en-US">
              <a:latin typeface="+mn-lt"/>
              <a:cs typeface="Arial"/>
            </a:endParaRPr>
          </a:p>
          <a:p>
            <a:pPr marL="285750" indent="-285750">
              <a:spcBef>
                <a:spcPts val="432"/>
              </a:spcBef>
              <a:buFont typeface="Arial"/>
              <a:buChar char="•"/>
            </a:pPr>
            <a:r>
              <a:rPr lang="en-US" dirty="0">
                <a:latin typeface="+mn-lt"/>
                <a:ea typeface="ＭＳ Ｐゴシック"/>
                <a:cs typeface="Arial"/>
              </a:rPr>
              <a:t>No resistance at all?</a:t>
            </a:r>
            <a:endParaRPr lang="en-US" dirty="0">
              <a:latin typeface="+mn-lt"/>
              <a:cs typeface="Arial"/>
            </a:endParaRPr>
          </a:p>
          <a:p>
            <a:pPr marL="285750" indent="-285750">
              <a:spcBef>
                <a:spcPts val="432"/>
              </a:spcBef>
              <a:buFont typeface="Arial"/>
              <a:buChar char="•"/>
            </a:pPr>
            <a:endParaRPr lang="en-US" dirty="0">
              <a:latin typeface="+mn-lt"/>
              <a:cs typeface="Arial"/>
            </a:endParaRPr>
          </a:p>
          <a:p>
            <a:pPr marL="285750" indent="-285750">
              <a:spcBef>
                <a:spcPts val="432"/>
              </a:spcBef>
              <a:buFont typeface="Arial"/>
              <a:buChar char="•"/>
            </a:pPr>
            <a:r>
              <a:rPr lang="en-US" dirty="0">
                <a:latin typeface="+mn-lt"/>
                <a:ea typeface="ＭＳ Ｐゴシック"/>
                <a:cs typeface="Arial"/>
              </a:rPr>
              <a:t>No resistance to tetracycline or quinolones?</a:t>
            </a:r>
            <a:endParaRPr lang="en-US" dirty="0">
              <a:latin typeface="+mn-lt"/>
              <a:cs typeface="Arial"/>
            </a:endParaRPr>
          </a:p>
          <a:p>
            <a:pPr marL="285750" indent="-285750">
              <a:spcBef>
                <a:spcPts val="432"/>
              </a:spcBef>
              <a:buFont typeface="Arial"/>
              <a:buChar char="•"/>
            </a:pPr>
            <a:endParaRPr lang="en-US" dirty="0">
              <a:latin typeface="+mn-lt"/>
              <a:cs typeface="Arial"/>
            </a:endParaRPr>
          </a:p>
          <a:p>
            <a:pPr marL="285750" indent="-285750">
              <a:spcBef>
                <a:spcPts val="432"/>
              </a:spcBef>
              <a:buFont typeface="Arial"/>
              <a:buChar char="•"/>
            </a:pPr>
            <a:r>
              <a:rPr lang="en-US" dirty="0">
                <a:latin typeface="+mn-lt"/>
                <a:ea typeface="ＭＳ Ｐゴシック"/>
                <a:cs typeface="Arial"/>
              </a:rPr>
              <a:t>One tool gives 44 hits, another gives 0</a:t>
            </a:r>
            <a:br>
              <a:rPr lang="en-US" dirty="0">
                <a:latin typeface="+mn-lt"/>
                <a:ea typeface="ＭＳ Ｐゴシック"/>
                <a:cs typeface="Arial"/>
              </a:rPr>
            </a:br>
            <a:r>
              <a:rPr lang="en-US" dirty="0">
                <a:latin typeface="+mn-lt"/>
                <a:ea typeface="ＭＳ Ｐゴシック"/>
                <a:cs typeface="Arial"/>
              </a:rPr>
              <a:t>what is the truth?</a:t>
            </a:r>
            <a:endParaRPr lang="en-US" dirty="0">
              <a:latin typeface="+mn-lt"/>
              <a:cs typeface="Arial"/>
            </a:endParaRPr>
          </a:p>
          <a:p>
            <a:pPr>
              <a:spcBef>
                <a:spcPts val="432"/>
              </a:spcBef>
            </a:pPr>
            <a:endParaRPr lang="en-US" dirty="0">
              <a:latin typeface="+mn-lt"/>
              <a:cs typeface="Arial"/>
            </a:endParaRPr>
          </a:p>
          <a:p>
            <a:pPr marL="285750" indent="-285750">
              <a:spcBef>
                <a:spcPts val="432"/>
              </a:spcBef>
              <a:buFont typeface="Arial"/>
              <a:buChar char="•"/>
            </a:pPr>
            <a:endParaRPr lang="en-US" dirty="0">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pic>
        <p:nvPicPr>
          <p:cNvPr id="2" name="Picture 2" descr="Graphical user interface, application&#10;&#10;Description automatically generated">
            <a:extLst>
              <a:ext uri="{FF2B5EF4-FFF2-40B4-BE49-F238E27FC236}">
                <a16:creationId xmlns:a16="http://schemas.microsoft.com/office/drawing/2014/main" id="{62B268DA-00AC-AAA6-3985-0ED50656F43B}"/>
              </a:ext>
            </a:extLst>
          </p:cNvPr>
          <p:cNvPicPr>
            <a:picLocks noChangeAspect="1"/>
          </p:cNvPicPr>
          <p:nvPr/>
        </p:nvPicPr>
        <p:blipFill>
          <a:blip r:embed="rId5"/>
          <a:stretch>
            <a:fillRect/>
          </a:stretch>
        </p:blipFill>
        <p:spPr>
          <a:xfrm>
            <a:off x="3505688" y="116347"/>
            <a:ext cx="7678863" cy="6434831"/>
          </a:xfrm>
          <a:prstGeom prst="rect">
            <a:avLst/>
          </a:prstGeom>
        </p:spPr>
      </p:pic>
      <p:sp>
        <p:nvSpPr>
          <p:cNvPr id="3" name="Arrow: Left 2">
            <a:extLst>
              <a:ext uri="{FF2B5EF4-FFF2-40B4-BE49-F238E27FC236}">
                <a16:creationId xmlns:a16="http://schemas.microsoft.com/office/drawing/2014/main" id="{A54AC35F-E2CF-9B5F-6504-39FF83CE1140}"/>
              </a:ext>
            </a:extLst>
          </p:cNvPr>
          <p:cNvSpPr/>
          <p:nvPr/>
        </p:nvSpPr>
        <p:spPr bwMode="auto">
          <a:xfrm rot="10800000">
            <a:off x="3004165" y="3656156"/>
            <a:ext cx="532418" cy="226283"/>
          </a:xfrm>
          <a:prstGeom prst="lef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5" name="Arrow: Left 4">
            <a:extLst>
              <a:ext uri="{FF2B5EF4-FFF2-40B4-BE49-F238E27FC236}">
                <a16:creationId xmlns:a16="http://schemas.microsoft.com/office/drawing/2014/main" id="{8012F575-7FBD-2E77-D706-3BA97B2FC9C1}"/>
              </a:ext>
            </a:extLst>
          </p:cNvPr>
          <p:cNvSpPr/>
          <p:nvPr/>
        </p:nvSpPr>
        <p:spPr bwMode="auto">
          <a:xfrm rot="10800000">
            <a:off x="3006091" y="4821402"/>
            <a:ext cx="532418" cy="226283"/>
          </a:xfrm>
          <a:prstGeom prst="lef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
        <p:nvSpPr>
          <p:cNvPr id="6" name="Arrow: Left 5">
            <a:extLst>
              <a:ext uri="{FF2B5EF4-FFF2-40B4-BE49-F238E27FC236}">
                <a16:creationId xmlns:a16="http://schemas.microsoft.com/office/drawing/2014/main" id="{62F6D99E-D6AD-78AA-C6B7-75163AC298D4}"/>
              </a:ext>
            </a:extLst>
          </p:cNvPr>
          <p:cNvSpPr/>
          <p:nvPr/>
        </p:nvSpPr>
        <p:spPr bwMode="auto">
          <a:xfrm rot="10800000">
            <a:off x="3008018" y="5204717"/>
            <a:ext cx="532418" cy="226283"/>
          </a:xfrm>
          <a:prstGeom prst="left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dirty="0" err="1">
              <a:ln>
                <a:noFill/>
              </a:ln>
              <a:solidFill>
                <a:srgbClr val="FFFFFF"/>
              </a:solidFill>
              <a:effectLst/>
              <a:latin typeface="+mn-lt"/>
              <a:ea typeface="ＭＳ Ｐゴシック" pitchFamily="-80" charset="-128"/>
            </a:endParaRPr>
          </a:p>
        </p:txBody>
      </p:sp>
    </p:spTree>
    <p:custDataLst>
      <p:custData r:id="rId1"/>
      <p:custData r:id="rId2"/>
    </p:custDataLst>
    <p:extLst>
      <p:ext uri="{BB962C8B-B14F-4D97-AF65-F5344CB8AC3E}">
        <p14:creationId xmlns:p14="http://schemas.microsoft.com/office/powerpoint/2010/main" val="3538475427"/>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Differences in output example</a:t>
            </a:r>
          </a:p>
        </p:txBody>
      </p:sp>
      <p:sp>
        <p:nvSpPr>
          <p:cNvPr id="4" name="Slide Number Placeholder 3"/>
          <p:cNvSpPr>
            <a:spLocks noGrp="1"/>
          </p:cNvSpPr>
          <p:nvPr>
            <p:ph type="sldNum" sz="quarter" idx="11"/>
          </p:nvPr>
        </p:nvSpPr>
        <p:spPr/>
        <p:txBody>
          <a:bodyPr/>
          <a:lstStyle/>
          <a:p>
            <a:fld id="{103EA872-A674-449B-A120-B97244F8E91D}" type="slidenum">
              <a:rPr lang="en-GB" smtClean="0"/>
              <a:pPr/>
              <a:t>34</a:t>
            </a:fld>
            <a:endParaRPr lang="en-GB"/>
          </a:p>
        </p:txBody>
      </p:sp>
      <p:sp>
        <p:nvSpPr>
          <p:cNvPr id="7" name="Content Placeholder 6">
            <a:extLst>
              <a:ext uri="{FF2B5EF4-FFF2-40B4-BE49-F238E27FC236}">
                <a16:creationId xmlns:a16="http://schemas.microsoft.com/office/drawing/2014/main" id="{2F263F01-46AE-0D9A-322B-828FB7F5C43E}"/>
              </a:ext>
            </a:extLst>
          </p:cNvPr>
          <p:cNvSpPr>
            <a:spLocks noGrp="1"/>
          </p:cNvSpPr>
          <p:nvPr>
            <p:ph idx="1"/>
          </p:nvPr>
        </p:nvSpPr>
        <p:spPr>
          <a:xfrm>
            <a:off x="1774726" y="1714156"/>
            <a:ext cx="9578403" cy="4537750"/>
          </a:xfrm>
        </p:spPr>
        <p:txBody>
          <a:bodyPr/>
          <a:lstStyle/>
          <a:p>
            <a:pPr marL="197485" indent="-197485"/>
            <a:r>
              <a:rPr lang="en-US" dirty="0">
                <a:cs typeface="Arial"/>
              </a:rPr>
              <a:t>The strain run in this example is a standard laboratory strain E. coli K-12 </a:t>
            </a:r>
            <a:r>
              <a:rPr lang="en-US" dirty="0" err="1">
                <a:cs typeface="Arial"/>
              </a:rPr>
              <a:t>substrain</a:t>
            </a:r>
            <a:r>
              <a:rPr lang="en-US" dirty="0">
                <a:cs typeface="Arial"/>
              </a:rPr>
              <a:t> MG1655</a:t>
            </a:r>
          </a:p>
          <a:p>
            <a:pPr marL="197485" indent="-197485"/>
            <a:endParaRPr lang="en-US" dirty="0">
              <a:cs typeface="Arial"/>
            </a:endParaRPr>
          </a:p>
          <a:p>
            <a:pPr marL="197485" indent="-197485"/>
            <a:r>
              <a:rPr lang="en-US" dirty="0">
                <a:cs typeface="Arial"/>
              </a:rPr>
              <a:t>It is not expected to have any phenotypic resistance to tetracycline (Zhang et al., 2022)</a:t>
            </a:r>
          </a:p>
          <a:p>
            <a:pPr marL="413385" lvl="1" indent="-197485"/>
            <a:r>
              <a:rPr lang="en-US" dirty="0">
                <a:cs typeface="Arial"/>
              </a:rPr>
              <a:t>Not actually expected to have any particular phenotypic resistance different from wild-type e. coli</a:t>
            </a:r>
          </a:p>
          <a:p>
            <a:pPr marL="197485" indent="-197485"/>
            <a:endParaRPr lang="en-US" dirty="0">
              <a:cs typeface="Arial"/>
            </a:endParaRPr>
          </a:p>
          <a:p>
            <a:pPr marL="197485" indent="-197485"/>
            <a:r>
              <a:rPr lang="en-US" dirty="0">
                <a:cs typeface="Arial"/>
              </a:rPr>
              <a:t>If run on </a:t>
            </a:r>
            <a:r>
              <a:rPr lang="en-US" dirty="0" err="1">
                <a:cs typeface="Arial"/>
              </a:rPr>
              <a:t>AMRfinderplus</a:t>
            </a:r>
            <a:r>
              <a:rPr lang="en-US" dirty="0">
                <a:cs typeface="Arial"/>
              </a:rPr>
              <a:t>, no resistance genes are found either.</a:t>
            </a:r>
          </a:p>
          <a:p>
            <a:pPr marL="197485" indent="-197485"/>
            <a:endParaRPr lang="en-US" dirty="0">
              <a:cs typeface="Arial"/>
            </a:endParaRPr>
          </a:p>
          <a:p>
            <a:pPr marL="197485" indent="-197485"/>
            <a:r>
              <a:rPr lang="en-US" dirty="0">
                <a:cs typeface="Arial"/>
              </a:rPr>
              <a:t>Approach databases with care and select based on your scope</a:t>
            </a:r>
          </a:p>
          <a:p>
            <a:pPr marL="413385" lvl="1" indent="-197485"/>
            <a:r>
              <a:rPr lang="en-US" dirty="0">
                <a:cs typeface="Arial"/>
              </a:rPr>
              <a:t>How does results translate to the laboratory, genotypic =/= phenotypic</a:t>
            </a:r>
          </a:p>
          <a:p>
            <a:pPr marL="413385" lvl="1" indent="-197485"/>
            <a:r>
              <a:rPr lang="en-US" dirty="0">
                <a:cs typeface="Arial"/>
              </a:rPr>
              <a:t>How much expertise is demanded to utilize findings</a:t>
            </a:r>
          </a:p>
          <a:p>
            <a:pPr marL="413385" lvl="1" indent="-197485"/>
            <a:r>
              <a:rPr lang="en-US" dirty="0">
                <a:cs typeface="Arial"/>
              </a:rPr>
              <a:t>What is the aim of your analysis</a:t>
            </a:r>
          </a:p>
          <a:p>
            <a:pPr marL="413385" lvl="1" indent="-197485"/>
            <a:endParaRPr lang="en-US" dirty="0">
              <a:cs typeface="Arial"/>
            </a:endParaRPr>
          </a:p>
          <a:p>
            <a:pPr marL="197485" indent="-197485"/>
            <a:endParaRPr lang="en-US" dirty="0">
              <a:cs typeface="Arial"/>
            </a:endParaRPr>
          </a:p>
          <a:p>
            <a:pPr marL="0" indent="0">
              <a:buNone/>
            </a:pPr>
            <a:endParaRPr lang="en-US">
              <a:cs typeface="Arial"/>
            </a:endParaRPr>
          </a:p>
          <a:p>
            <a:pPr marL="0" indent="0">
              <a:buNone/>
            </a:pPr>
            <a:endParaRPr lang="en-US" dirty="0">
              <a:cs typeface="Arial"/>
            </a:endParaRPr>
          </a:p>
        </p:txBody>
      </p:sp>
      <p:pic>
        <p:nvPicPr>
          <p:cNvPr id="3" name="Picture 2" descr="Logo&#10;&#10;Description automatically generated">
            <a:extLst>
              <a:ext uri="{FF2B5EF4-FFF2-40B4-BE49-F238E27FC236}">
                <a16:creationId xmlns:a16="http://schemas.microsoft.com/office/drawing/2014/main" id="{A4B7FF5A-34FC-54C2-E619-B6E49BB86893}"/>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1732001441"/>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p:cNvSpPr>
            <a:spLocks noGrp="1"/>
          </p:cNvSpPr>
          <p:nvPr>
            <p:ph type="sldNum" sz="quarter" idx="11"/>
          </p:nvPr>
        </p:nvSpPr>
        <p:spPr/>
        <p:txBody>
          <a:bodyPr/>
          <a:lstStyle/>
          <a:p>
            <a:fld id="{103EA872-A674-449B-A120-B97244F8E91D}" type="slidenum">
              <a:rPr lang="en-GB" smtClean="0"/>
              <a:pPr/>
              <a:t>35</a:t>
            </a:fld>
            <a:endParaRPr lang="en-GB"/>
          </a:p>
        </p:txBody>
      </p:sp>
      <p:pic>
        <p:nvPicPr>
          <p:cNvPr id="2" name="Picture 2" descr="A picture containing text&#10;&#10;Description automatically generated">
            <a:extLst>
              <a:ext uri="{FF2B5EF4-FFF2-40B4-BE49-F238E27FC236}">
                <a16:creationId xmlns:a16="http://schemas.microsoft.com/office/drawing/2014/main" id="{970B0E72-1FBD-4435-CB4F-1FEBF2559916}"/>
              </a:ext>
            </a:extLst>
          </p:cNvPr>
          <p:cNvPicPr>
            <a:picLocks noChangeAspect="1"/>
          </p:cNvPicPr>
          <p:nvPr/>
        </p:nvPicPr>
        <p:blipFill>
          <a:blip r:embed="rId4"/>
          <a:stretch>
            <a:fillRect/>
          </a:stretch>
        </p:blipFill>
        <p:spPr>
          <a:xfrm>
            <a:off x="1965228" y="734834"/>
            <a:ext cx="10251041" cy="5813442"/>
          </a:xfrm>
          <a:prstGeom prst="rect">
            <a:avLst/>
          </a:prstGeom>
        </p:spPr>
      </p:pic>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Resfinder</a:t>
            </a:r>
            <a:endParaRPr lang="en-GB"/>
          </a:p>
        </p:txBody>
      </p:sp>
      <p:sp>
        <p:nvSpPr>
          <p:cNvPr id="9" name="TextBox 8">
            <a:extLst>
              <a:ext uri="{FF2B5EF4-FFF2-40B4-BE49-F238E27FC236}">
                <a16:creationId xmlns:a16="http://schemas.microsoft.com/office/drawing/2014/main" id="{56E8F5B0-BB85-9B4F-D77B-6B5F0BC0C8B1}"/>
              </a:ext>
            </a:extLst>
          </p:cNvPr>
          <p:cNvSpPr txBox="1"/>
          <p:nvPr/>
        </p:nvSpPr>
        <p:spPr>
          <a:xfrm>
            <a:off x="5205866" y="6385314"/>
            <a:ext cx="6030981" cy="153888"/>
          </a:xfrm>
          <a:prstGeom prst="rect">
            <a:avLst/>
          </a:prstGeom>
          <a:noFill/>
        </p:spPr>
        <p:txBody>
          <a:bodyPr wrap="square" lIns="0" tIns="0" rIns="0" bIns="0" rtlCol="0" anchor="t">
            <a:spAutoFit/>
          </a:bodyPr>
          <a:lstStyle/>
          <a:p>
            <a:pPr>
              <a:spcBef>
                <a:spcPts val="432"/>
              </a:spcBef>
            </a:pPr>
            <a:r>
              <a:rPr lang="en-US" sz="1000" i="1">
                <a:latin typeface="Verdana"/>
                <a:ea typeface="ＭＳ Ｐゴシック"/>
              </a:rPr>
              <a:t>Source: Genotypic detection of AMR in Salmonella, presentation by Ana Rita Rebelo</a:t>
            </a:r>
            <a:endParaRPr lang="en-US" sz="1000" i="1"/>
          </a:p>
        </p:txBody>
      </p:sp>
      <p:sp>
        <p:nvSpPr>
          <p:cNvPr id="3" name="TextBox 2">
            <a:extLst>
              <a:ext uri="{FF2B5EF4-FFF2-40B4-BE49-F238E27FC236}">
                <a16:creationId xmlns:a16="http://schemas.microsoft.com/office/drawing/2014/main" id="{3E59369A-0733-4E8B-5F9E-C5AEA8A04BAF}"/>
              </a:ext>
            </a:extLst>
          </p:cNvPr>
          <p:cNvSpPr txBox="1"/>
          <p:nvPr/>
        </p:nvSpPr>
        <p:spPr>
          <a:xfrm>
            <a:off x="78717" y="1664379"/>
            <a:ext cx="2127434" cy="4154984"/>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err="1">
                <a:latin typeface="+mn-lt"/>
                <a:ea typeface="ＭＳ Ｐゴシック"/>
                <a:cs typeface="Arial"/>
              </a:rPr>
              <a:t>Refinder</a:t>
            </a:r>
            <a:r>
              <a:rPr lang="en-US">
                <a:latin typeface="+mn-lt"/>
                <a:ea typeface="ＭＳ Ｐゴシック"/>
                <a:cs typeface="Arial"/>
              </a:rPr>
              <a:t> is a tool and database for detection of genes and point mutations conferring AMR. </a:t>
            </a:r>
            <a:endParaRPr lang="en-US">
              <a:latin typeface="Arial"/>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The tool has (3) databases:</a:t>
            </a:r>
            <a:endParaRPr lang="en-US">
              <a:latin typeface="+mn-lt"/>
              <a:cs typeface="Arial"/>
            </a:endParaRPr>
          </a:p>
          <a:p>
            <a:pPr marL="285750" indent="-285750">
              <a:spcBef>
                <a:spcPts val="432"/>
              </a:spcBef>
              <a:buFont typeface="Arial"/>
              <a:buChar char="•"/>
            </a:pPr>
            <a:r>
              <a:rPr lang="en-US" err="1">
                <a:latin typeface="+mn-lt"/>
                <a:ea typeface="ＭＳ Ｐゴシック"/>
                <a:cs typeface="Arial"/>
              </a:rPr>
              <a:t>Poinfinder_db</a:t>
            </a:r>
            <a:endParaRPr lang="en-US" err="1">
              <a:latin typeface="+mn-lt"/>
              <a:cs typeface="Arial"/>
            </a:endParaRPr>
          </a:p>
          <a:p>
            <a:pPr marL="285750" indent="-285750">
              <a:spcBef>
                <a:spcPts val="432"/>
              </a:spcBef>
              <a:buFont typeface="Arial"/>
              <a:buChar char="•"/>
            </a:pPr>
            <a:r>
              <a:rPr lang="en-US" err="1">
                <a:latin typeface="+mn-lt"/>
                <a:ea typeface="ＭＳ Ｐゴシック"/>
                <a:cs typeface="Arial"/>
              </a:rPr>
              <a:t>Resfinder_db</a:t>
            </a:r>
            <a:endParaRPr lang="en-US" err="1">
              <a:latin typeface="+mn-lt"/>
              <a:cs typeface="Arial"/>
            </a:endParaRPr>
          </a:p>
          <a:p>
            <a:pPr marL="285750" indent="-285750">
              <a:spcBef>
                <a:spcPts val="432"/>
              </a:spcBef>
              <a:buFont typeface="Arial"/>
              <a:buChar char="•"/>
            </a:pPr>
            <a:r>
              <a:rPr lang="en-US">
                <a:latin typeface="+mn-lt"/>
                <a:ea typeface="ＭＳ Ｐゴシック"/>
                <a:cs typeface="Arial"/>
              </a:rPr>
              <a:t>(</a:t>
            </a:r>
            <a:r>
              <a:rPr lang="en-US" err="1">
                <a:latin typeface="+mn-lt"/>
                <a:ea typeface="ＭＳ Ｐゴシック"/>
                <a:cs typeface="Arial"/>
              </a:rPr>
              <a:t>DesinFinder_db</a:t>
            </a:r>
            <a:r>
              <a:rPr lang="en-US">
                <a:latin typeface="+mn-lt"/>
                <a:ea typeface="ＭＳ Ｐゴシック"/>
                <a:cs typeface="Arial"/>
              </a:rPr>
              <a:t>)</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pic>
        <p:nvPicPr>
          <p:cNvPr id="7" name="Picture 2" descr="Logo&#10;&#10;Description automatically generated">
            <a:extLst>
              <a:ext uri="{FF2B5EF4-FFF2-40B4-BE49-F238E27FC236}">
                <a16:creationId xmlns:a16="http://schemas.microsoft.com/office/drawing/2014/main" id="{12975516-738A-34A5-4863-750B73E095D8}"/>
              </a:ext>
            </a:extLst>
          </p:cNvPr>
          <p:cNvPicPr>
            <a:picLocks noChangeAspect="1"/>
          </p:cNvPicPr>
          <p:nvPr/>
        </p:nvPicPr>
        <p:blipFill rotWithShape="1">
          <a:blip r:embed="rId5"/>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354618969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Logo&#10;&#10;Description automatically generated">
            <a:extLst>
              <a:ext uri="{FF2B5EF4-FFF2-40B4-BE49-F238E27FC236}">
                <a16:creationId xmlns:a16="http://schemas.microsoft.com/office/drawing/2014/main" id="{D19C725A-22C3-9791-D54A-30604EB4D112}"/>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36</a:t>
            </a:fld>
            <a:endParaRPr lang="en-GB"/>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Resfinder</a:t>
            </a:r>
            <a:endParaRPr lang="en-GB"/>
          </a:p>
        </p:txBody>
      </p:sp>
      <p:sp>
        <p:nvSpPr>
          <p:cNvPr id="9" name="TextBox 8">
            <a:extLst>
              <a:ext uri="{FF2B5EF4-FFF2-40B4-BE49-F238E27FC236}">
                <a16:creationId xmlns:a16="http://schemas.microsoft.com/office/drawing/2014/main" id="{56E8F5B0-BB85-9B4F-D77B-6B5F0BC0C8B1}"/>
              </a:ext>
            </a:extLst>
          </p:cNvPr>
          <p:cNvSpPr txBox="1"/>
          <p:nvPr/>
        </p:nvSpPr>
        <p:spPr>
          <a:xfrm>
            <a:off x="5205866" y="6385314"/>
            <a:ext cx="6030981" cy="153888"/>
          </a:xfrm>
          <a:prstGeom prst="rect">
            <a:avLst/>
          </a:prstGeom>
          <a:noFill/>
        </p:spPr>
        <p:txBody>
          <a:bodyPr wrap="square" lIns="0" tIns="0" rIns="0" bIns="0" rtlCol="0" anchor="t">
            <a:spAutoFit/>
          </a:bodyPr>
          <a:lstStyle/>
          <a:p>
            <a:pPr>
              <a:spcBef>
                <a:spcPts val="432"/>
              </a:spcBef>
            </a:pPr>
            <a:r>
              <a:rPr lang="en-US" sz="1000" i="1">
                <a:latin typeface="Verdana"/>
                <a:ea typeface="ＭＳ Ｐゴシック"/>
              </a:rPr>
              <a:t>Source: Genotypic detection of AMR in Salmonella, presentation by Ana Rita Rebelo</a:t>
            </a:r>
            <a:endParaRPr lang="en-US" sz="1000" i="1"/>
          </a:p>
        </p:txBody>
      </p:sp>
      <p:pic>
        <p:nvPicPr>
          <p:cNvPr id="12" name="Picture 12" descr="Graphical user interface, text, application, email&#10;&#10;Description automatically generated">
            <a:extLst>
              <a:ext uri="{FF2B5EF4-FFF2-40B4-BE49-F238E27FC236}">
                <a16:creationId xmlns:a16="http://schemas.microsoft.com/office/drawing/2014/main" id="{6FA53C66-1C67-498D-CF51-E4B925CB6678}"/>
              </a:ext>
            </a:extLst>
          </p:cNvPr>
          <p:cNvPicPr>
            <a:picLocks noChangeAspect="1"/>
          </p:cNvPicPr>
          <p:nvPr/>
        </p:nvPicPr>
        <p:blipFill>
          <a:blip r:embed="rId5"/>
          <a:stretch>
            <a:fillRect/>
          </a:stretch>
        </p:blipFill>
        <p:spPr>
          <a:xfrm>
            <a:off x="2145771" y="1534671"/>
            <a:ext cx="10046002" cy="4771725"/>
          </a:xfrm>
          <a:prstGeom prst="rect">
            <a:avLst/>
          </a:prstGeom>
        </p:spPr>
      </p:pic>
      <p:sp>
        <p:nvSpPr>
          <p:cNvPr id="15" name="TextBox 14">
            <a:extLst>
              <a:ext uri="{FF2B5EF4-FFF2-40B4-BE49-F238E27FC236}">
                <a16:creationId xmlns:a16="http://schemas.microsoft.com/office/drawing/2014/main" id="{4C93D62F-02B3-8E18-4724-D6F3312C7CEC}"/>
              </a:ext>
            </a:extLst>
          </p:cNvPr>
          <p:cNvSpPr txBox="1"/>
          <p:nvPr/>
        </p:nvSpPr>
        <p:spPr>
          <a:xfrm>
            <a:off x="78717" y="1664379"/>
            <a:ext cx="1979612" cy="5581015"/>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a:latin typeface="+mn-lt"/>
                <a:ea typeface="ＭＳ Ｐゴシック"/>
                <a:cs typeface="Arial"/>
              </a:rPr>
              <a:t>The tool and databases are freely available on </a:t>
            </a:r>
            <a:r>
              <a:rPr lang="en-US" err="1">
                <a:latin typeface="+mn-lt"/>
                <a:ea typeface="ＭＳ Ｐゴシック"/>
                <a:cs typeface="Arial"/>
              </a:rPr>
              <a:t>github</a:t>
            </a:r>
            <a:endParaRPr lang="en-US" err="1">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The main page contains instructions for installation of the tool and how to download and install the associated databases</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We will be using this tool today</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spTree>
    <p:custDataLst>
      <p:custData r:id="rId1"/>
      <p:custData r:id="rId2"/>
    </p:custDataLst>
    <p:extLst>
      <p:ext uri="{BB962C8B-B14F-4D97-AF65-F5344CB8AC3E}">
        <p14:creationId xmlns:p14="http://schemas.microsoft.com/office/powerpoint/2010/main" val="3105538874"/>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2" descr="Logo&#10;&#10;Description automatically generated">
            <a:extLst>
              <a:ext uri="{FF2B5EF4-FFF2-40B4-BE49-F238E27FC236}">
                <a16:creationId xmlns:a16="http://schemas.microsoft.com/office/drawing/2014/main" id="{F447B94D-2D2B-3D61-C9A5-2A4AFEC04A8C}"/>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37</a:t>
            </a:fld>
            <a:endParaRPr lang="en-GB"/>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Resfinder</a:t>
            </a:r>
            <a:endParaRPr lang="en-GB"/>
          </a:p>
        </p:txBody>
      </p:sp>
      <p:sp>
        <p:nvSpPr>
          <p:cNvPr id="9" name="TextBox 8">
            <a:extLst>
              <a:ext uri="{FF2B5EF4-FFF2-40B4-BE49-F238E27FC236}">
                <a16:creationId xmlns:a16="http://schemas.microsoft.com/office/drawing/2014/main" id="{56E8F5B0-BB85-9B4F-D77B-6B5F0BC0C8B1}"/>
              </a:ext>
            </a:extLst>
          </p:cNvPr>
          <p:cNvSpPr txBox="1"/>
          <p:nvPr/>
        </p:nvSpPr>
        <p:spPr>
          <a:xfrm>
            <a:off x="5205866" y="6385314"/>
            <a:ext cx="6030981" cy="153888"/>
          </a:xfrm>
          <a:prstGeom prst="rect">
            <a:avLst/>
          </a:prstGeom>
          <a:noFill/>
        </p:spPr>
        <p:txBody>
          <a:bodyPr wrap="square" lIns="0" tIns="0" rIns="0" bIns="0" rtlCol="0" anchor="t">
            <a:spAutoFit/>
          </a:bodyPr>
          <a:lstStyle/>
          <a:p>
            <a:pPr>
              <a:spcBef>
                <a:spcPts val="432"/>
              </a:spcBef>
            </a:pPr>
            <a:r>
              <a:rPr lang="en-US" sz="1000" i="1">
                <a:latin typeface="Verdana"/>
                <a:ea typeface="ＭＳ Ｐゴシック"/>
              </a:rPr>
              <a:t>Source: Genotypic detection of AMR in Salmonella, presentation by Ana Rita Rebelo</a:t>
            </a:r>
            <a:endParaRPr lang="en-US" sz="1000" i="1"/>
          </a:p>
        </p:txBody>
      </p:sp>
      <p:pic>
        <p:nvPicPr>
          <p:cNvPr id="2" name="Picture 2" descr="Text&#10;&#10;Description automatically generated">
            <a:extLst>
              <a:ext uri="{FF2B5EF4-FFF2-40B4-BE49-F238E27FC236}">
                <a16:creationId xmlns:a16="http://schemas.microsoft.com/office/drawing/2014/main" id="{751E7F5C-D67B-E191-1602-AA094295C89B}"/>
              </a:ext>
            </a:extLst>
          </p:cNvPr>
          <p:cNvPicPr>
            <a:picLocks noChangeAspect="1"/>
          </p:cNvPicPr>
          <p:nvPr/>
        </p:nvPicPr>
        <p:blipFill>
          <a:blip r:embed="rId5"/>
          <a:stretch>
            <a:fillRect/>
          </a:stretch>
        </p:blipFill>
        <p:spPr>
          <a:xfrm>
            <a:off x="2740490" y="2454072"/>
            <a:ext cx="9503988" cy="3901261"/>
          </a:xfrm>
          <a:prstGeom prst="rect">
            <a:avLst/>
          </a:prstGeom>
        </p:spPr>
      </p:pic>
      <p:pic>
        <p:nvPicPr>
          <p:cNvPr id="3" name="Picture 5">
            <a:extLst>
              <a:ext uri="{FF2B5EF4-FFF2-40B4-BE49-F238E27FC236}">
                <a16:creationId xmlns:a16="http://schemas.microsoft.com/office/drawing/2014/main" id="{96FD7E9D-C151-B258-B8EA-453C0E533A53}"/>
              </a:ext>
            </a:extLst>
          </p:cNvPr>
          <p:cNvPicPr>
            <a:picLocks noChangeAspect="1"/>
          </p:cNvPicPr>
          <p:nvPr/>
        </p:nvPicPr>
        <p:blipFill>
          <a:blip r:embed="rId6"/>
          <a:stretch>
            <a:fillRect/>
          </a:stretch>
        </p:blipFill>
        <p:spPr>
          <a:xfrm>
            <a:off x="3745168" y="1354638"/>
            <a:ext cx="8449522" cy="1096103"/>
          </a:xfrm>
          <a:prstGeom prst="rect">
            <a:avLst/>
          </a:prstGeom>
        </p:spPr>
      </p:pic>
      <p:sp>
        <p:nvSpPr>
          <p:cNvPr id="15" name="TextBox 14">
            <a:extLst>
              <a:ext uri="{FF2B5EF4-FFF2-40B4-BE49-F238E27FC236}">
                <a16:creationId xmlns:a16="http://schemas.microsoft.com/office/drawing/2014/main" id="{4C93D62F-02B3-8E18-4724-D6F3312C7CEC}"/>
              </a:ext>
            </a:extLst>
          </p:cNvPr>
          <p:cNvSpPr txBox="1"/>
          <p:nvPr/>
        </p:nvSpPr>
        <p:spPr>
          <a:xfrm>
            <a:off x="78717" y="1664379"/>
            <a:ext cx="2792904" cy="569386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a:latin typeface="+mn-lt"/>
                <a:ea typeface="ＭＳ Ｐゴシック"/>
                <a:cs typeface="Arial"/>
              </a:rPr>
              <a:t>The databases contain:</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Nucleotide references for AMR elements</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Curation for each genes</a:t>
            </a:r>
          </a:p>
          <a:p>
            <a:pPr marL="742950" lvl="1" indent="-285750">
              <a:spcBef>
                <a:spcPts val="432"/>
              </a:spcBef>
              <a:buFont typeface="Arial"/>
              <a:buChar char="•"/>
            </a:pPr>
            <a:r>
              <a:rPr lang="en-US">
                <a:latin typeface="+mn-lt"/>
                <a:ea typeface="ＭＳ Ｐゴシック"/>
                <a:cs typeface="Arial"/>
              </a:rPr>
              <a:t>Phenotypes associated with specific species</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We can get:</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Class of AMR gene</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Specific phenotypes</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Supporting sources</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Mechanism</a:t>
            </a:r>
            <a:endParaRPr lang="en-US">
              <a:latin typeface="+mn-lt"/>
              <a:cs typeface="Arial"/>
            </a:endParaRPr>
          </a:p>
          <a:p>
            <a:pPr marL="742950" lvl="1" indent="-285750">
              <a:spcBef>
                <a:spcPts val="432"/>
              </a:spcBef>
              <a:buFont typeface="Arial"/>
              <a:buChar char="•"/>
            </a:pPr>
            <a:r>
              <a:rPr lang="en-US">
                <a:latin typeface="+mn-lt"/>
                <a:ea typeface="ＭＳ Ｐゴシック"/>
                <a:cs typeface="Arial"/>
              </a:rPr>
              <a:t>Other notes</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spTree>
    <p:custDataLst>
      <p:custData r:id="rId1"/>
      <p:custData r:id="rId2"/>
    </p:custDataLst>
    <p:extLst>
      <p:ext uri="{BB962C8B-B14F-4D97-AF65-F5344CB8AC3E}">
        <p14:creationId xmlns:p14="http://schemas.microsoft.com/office/powerpoint/2010/main" val="278303151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6" descr="Graphical user interface, application&#10;&#10;Description automatically generated">
            <a:extLst>
              <a:ext uri="{FF2B5EF4-FFF2-40B4-BE49-F238E27FC236}">
                <a16:creationId xmlns:a16="http://schemas.microsoft.com/office/drawing/2014/main" id="{D11F9F4C-52A2-092A-7537-A716FBBE04A5}"/>
              </a:ext>
            </a:extLst>
          </p:cNvPr>
          <p:cNvPicPr>
            <a:picLocks noChangeAspect="1"/>
          </p:cNvPicPr>
          <p:nvPr/>
        </p:nvPicPr>
        <p:blipFill>
          <a:blip r:embed="rId4"/>
          <a:stretch>
            <a:fillRect/>
          </a:stretch>
        </p:blipFill>
        <p:spPr>
          <a:xfrm>
            <a:off x="2943012" y="1500967"/>
            <a:ext cx="9087255" cy="5260160"/>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38</a:t>
            </a:fld>
            <a:endParaRPr lang="en-GB"/>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Resfinder</a:t>
            </a:r>
            <a:endParaRPr lang="en-GB"/>
          </a:p>
        </p:txBody>
      </p:sp>
      <p:sp>
        <p:nvSpPr>
          <p:cNvPr id="9" name="TextBox 8">
            <a:extLst>
              <a:ext uri="{FF2B5EF4-FFF2-40B4-BE49-F238E27FC236}">
                <a16:creationId xmlns:a16="http://schemas.microsoft.com/office/drawing/2014/main" id="{56E8F5B0-BB85-9B4F-D77B-6B5F0BC0C8B1}"/>
              </a:ext>
            </a:extLst>
          </p:cNvPr>
          <p:cNvSpPr txBox="1"/>
          <p:nvPr/>
        </p:nvSpPr>
        <p:spPr>
          <a:xfrm>
            <a:off x="6612555" y="6338398"/>
            <a:ext cx="6030981" cy="153888"/>
          </a:xfrm>
          <a:prstGeom prst="rect">
            <a:avLst/>
          </a:prstGeom>
          <a:noFill/>
        </p:spPr>
        <p:txBody>
          <a:bodyPr wrap="square" lIns="0" tIns="0" rIns="0" bIns="0" rtlCol="0" anchor="t">
            <a:spAutoFit/>
          </a:bodyPr>
          <a:lstStyle/>
          <a:p>
            <a:pPr>
              <a:spcBef>
                <a:spcPts val="432"/>
              </a:spcBef>
            </a:pPr>
            <a:r>
              <a:rPr lang="en-US" sz="1000" i="1">
                <a:latin typeface="Verdana"/>
                <a:ea typeface="ＭＳ Ｐゴシック"/>
              </a:rPr>
              <a:t>Source: Genotypic detection of AMR in Salmonella, presentation by Ana Rita Rebelo</a:t>
            </a:r>
            <a:endParaRPr lang="en-US" sz="1000" i="1"/>
          </a:p>
        </p:txBody>
      </p:sp>
      <p:sp>
        <p:nvSpPr>
          <p:cNvPr id="15" name="TextBox 14">
            <a:extLst>
              <a:ext uri="{FF2B5EF4-FFF2-40B4-BE49-F238E27FC236}">
                <a16:creationId xmlns:a16="http://schemas.microsoft.com/office/drawing/2014/main" id="{4C93D62F-02B3-8E18-4724-D6F3312C7CEC}"/>
              </a:ext>
            </a:extLst>
          </p:cNvPr>
          <p:cNvSpPr txBox="1"/>
          <p:nvPr/>
        </p:nvSpPr>
        <p:spPr>
          <a:xfrm>
            <a:off x="78717" y="1664379"/>
            <a:ext cx="2965040" cy="564257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a:latin typeface="+mn-lt"/>
                <a:ea typeface="ＭＳ Ｐゴシック"/>
                <a:cs typeface="Arial"/>
              </a:rPr>
              <a:t>The tool is also available online, where isolates can be uploaded</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The stand-alone tool utilize the same inputs, as we will find out in the exercises</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Select the databases to use</a:t>
            </a:r>
            <a:endParaRPr lang="en-US">
              <a:latin typeface="+mn-lt"/>
              <a:cs typeface="Arial"/>
            </a:endParaRPr>
          </a:p>
          <a:p>
            <a:pPr marL="285750" indent="-285750">
              <a:spcBef>
                <a:spcPts val="432"/>
              </a:spcBef>
              <a:buFont typeface="Arial"/>
              <a:buChar char="•"/>
            </a:pPr>
            <a:r>
              <a:rPr lang="en-US">
                <a:latin typeface="+mn-lt"/>
                <a:ea typeface="ＭＳ Ｐゴシック"/>
                <a:cs typeface="Arial"/>
              </a:rPr>
              <a:t>Choose thresholds for ID and COV</a:t>
            </a:r>
            <a:endParaRPr lang="en-US">
              <a:latin typeface="+mn-lt"/>
              <a:cs typeface="Arial"/>
            </a:endParaRPr>
          </a:p>
          <a:p>
            <a:pPr marL="285750" indent="-285750">
              <a:spcBef>
                <a:spcPts val="432"/>
              </a:spcBef>
              <a:buFont typeface="Arial"/>
              <a:buChar char="•"/>
            </a:pPr>
            <a:r>
              <a:rPr lang="en-US">
                <a:latin typeface="+mn-lt"/>
                <a:ea typeface="ＭＳ Ｐゴシック"/>
                <a:cs typeface="Arial"/>
              </a:rPr>
              <a:t>Provide species</a:t>
            </a:r>
            <a:endParaRPr lang="en-US">
              <a:latin typeface="+mn-lt"/>
              <a:cs typeface="Arial"/>
            </a:endParaRPr>
          </a:p>
          <a:p>
            <a:pPr marL="285750" indent="-285750">
              <a:spcBef>
                <a:spcPts val="432"/>
              </a:spcBef>
              <a:buFont typeface="Arial"/>
              <a:buChar char="•"/>
            </a:pPr>
            <a:r>
              <a:rPr lang="en-US">
                <a:latin typeface="+mn-lt"/>
                <a:ea typeface="ＭＳ Ｐゴシック"/>
                <a:cs typeface="Arial"/>
              </a:rPr>
              <a:t>Specify input format</a:t>
            </a:r>
            <a:endParaRPr lang="en-US">
              <a:latin typeface="+mn-lt"/>
              <a:cs typeface="Arial"/>
            </a:endParaRPr>
          </a:p>
          <a:p>
            <a:pPr marL="285750" indent="-285750">
              <a:spcBef>
                <a:spcPts val="432"/>
              </a:spcBef>
              <a:buFont typeface="Arial"/>
              <a:buChar char="•"/>
            </a:pPr>
            <a:r>
              <a:rPr lang="en-US">
                <a:latin typeface="+mn-lt"/>
                <a:ea typeface="ＭＳ Ｐゴシック"/>
                <a:cs typeface="Arial"/>
              </a:rPr>
              <a:t>Give input files</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pic>
        <p:nvPicPr>
          <p:cNvPr id="3" name="Picture 2" descr="Logo&#10;&#10;Description automatically generated">
            <a:extLst>
              <a:ext uri="{FF2B5EF4-FFF2-40B4-BE49-F238E27FC236}">
                <a16:creationId xmlns:a16="http://schemas.microsoft.com/office/drawing/2014/main" id="{75162914-DDDB-357C-A0B4-1F1E0AF7F7EF}"/>
              </a:ext>
            </a:extLst>
          </p:cNvPr>
          <p:cNvPicPr>
            <a:picLocks noChangeAspect="1"/>
          </p:cNvPicPr>
          <p:nvPr/>
        </p:nvPicPr>
        <p:blipFill rotWithShape="1">
          <a:blip r:embed="rId5"/>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33829107"/>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6" descr="Graphical user interface, text, application&#10;&#10;Description automatically generated">
            <a:extLst>
              <a:ext uri="{FF2B5EF4-FFF2-40B4-BE49-F238E27FC236}">
                <a16:creationId xmlns:a16="http://schemas.microsoft.com/office/drawing/2014/main" id="{B7939C91-E163-16F9-827C-0C923D64E027}"/>
              </a:ext>
            </a:extLst>
          </p:cNvPr>
          <p:cNvPicPr>
            <a:picLocks noChangeAspect="1"/>
          </p:cNvPicPr>
          <p:nvPr/>
        </p:nvPicPr>
        <p:blipFill>
          <a:blip r:embed="rId4"/>
          <a:stretch>
            <a:fillRect/>
          </a:stretch>
        </p:blipFill>
        <p:spPr>
          <a:xfrm>
            <a:off x="3044287" y="1469709"/>
            <a:ext cx="9149850" cy="5189700"/>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39</a:t>
            </a:fld>
            <a:endParaRPr lang="en-GB"/>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Resfinder</a:t>
            </a:r>
            <a:endParaRPr lang="en-GB"/>
          </a:p>
        </p:txBody>
      </p:sp>
      <p:sp>
        <p:nvSpPr>
          <p:cNvPr id="9" name="TextBox 8">
            <a:extLst>
              <a:ext uri="{FF2B5EF4-FFF2-40B4-BE49-F238E27FC236}">
                <a16:creationId xmlns:a16="http://schemas.microsoft.com/office/drawing/2014/main" id="{56E8F5B0-BB85-9B4F-D77B-6B5F0BC0C8B1}"/>
              </a:ext>
            </a:extLst>
          </p:cNvPr>
          <p:cNvSpPr txBox="1"/>
          <p:nvPr/>
        </p:nvSpPr>
        <p:spPr>
          <a:xfrm>
            <a:off x="6612555" y="6338398"/>
            <a:ext cx="6030981" cy="153888"/>
          </a:xfrm>
          <a:prstGeom prst="rect">
            <a:avLst/>
          </a:prstGeom>
          <a:noFill/>
        </p:spPr>
        <p:txBody>
          <a:bodyPr wrap="square" lIns="0" tIns="0" rIns="0" bIns="0" rtlCol="0" anchor="t">
            <a:spAutoFit/>
          </a:bodyPr>
          <a:lstStyle/>
          <a:p>
            <a:pPr>
              <a:spcBef>
                <a:spcPts val="432"/>
              </a:spcBef>
            </a:pPr>
            <a:r>
              <a:rPr lang="en-US" sz="1000" i="1">
                <a:latin typeface="Verdana"/>
                <a:ea typeface="ＭＳ Ｐゴシック"/>
              </a:rPr>
              <a:t>Source: Genotypic detection of AMR in Salmonella, presentation by Ana Rita Rebelo</a:t>
            </a:r>
            <a:endParaRPr lang="en-US" sz="1000" i="1"/>
          </a:p>
        </p:txBody>
      </p:sp>
      <p:sp>
        <p:nvSpPr>
          <p:cNvPr id="15" name="TextBox 14">
            <a:extLst>
              <a:ext uri="{FF2B5EF4-FFF2-40B4-BE49-F238E27FC236}">
                <a16:creationId xmlns:a16="http://schemas.microsoft.com/office/drawing/2014/main" id="{4C93D62F-02B3-8E18-4724-D6F3312C7CEC}"/>
              </a:ext>
            </a:extLst>
          </p:cNvPr>
          <p:cNvSpPr txBox="1"/>
          <p:nvPr/>
        </p:nvSpPr>
        <p:spPr>
          <a:xfrm>
            <a:off x="78717" y="1664379"/>
            <a:ext cx="3051110" cy="6186309"/>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a:latin typeface="+mn-lt"/>
                <a:ea typeface="ＭＳ Ｐゴシック"/>
                <a:cs typeface="Arial"/>
              </a:rPr>
              <a:t>The tool is also available online, where isolates can be uploaded</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The stand-alone tool utilize the same inputs, as we will find out in the exercises</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Select the databases to use</a:t>
            </a:r>
            <a:endParaRPr lang="en-US">
              <a:latin typeface="+mn-lt"/>
              <a:cs typeface="Arial"/>
            </a:endParaRPr>
          </a:p>
          <a:p>
            <a:pPr marL="285750" indent="-285750">
              <a:spcBef>
                <a:spcPts val="432"/>
              </a:spcBef>
              <a:buFont typeface="Arial"/>
              <a:buChar char="•"/>
            </a:pPr>
            <a:r>
              <a:rPr lang="en-US">
                <a:latin typeface="+mn-lt"/>
                <a:ea typeface="ＭＳ Ｐゴシック"/>
                <a:cs typeface="Arial"/>
              </a:rPr>
              <a:t>Choose thresholds for ID and COV</a:t>
            </a:r>
            <a:endParaRPr lang="en-US">
              <a:latin typeface="+mn-lt"/>
              <a:cs typeface="Arial"/>
            </a:endParaRPr>
          </a:p>
          <a:p>
            <a:pPr marL="285750" indent="-285750">
              <a:spcBef>
                <a:spcPts val="432"/>
              </a:spcBef>
              <a:buFont typeface="Arial"/>
              <a:buChar char="•"/>
            </a:pPr>
            <a:r>
              <a:rPr lang="en-US">
                <a:latin typeface="+mn-lt"/>
                <a:ea typeface="ＭＳ Ｐゴシック"/>
                <a:cs typeface="Arial"/>
              </a:rPr>
              <a:t>Provide species</a:t>
            </a:r>
            <a:endParaRPr lang="en-US">
              <a:latin typeface="+mn-lt"/>
              <a:cs typeface="Arial"/>
            </a:endParaRPr>
          </a:p>
          <a:p>
            <a:pPr marL="285750" indent="-285750">
              <a:spcBef>
                <a:spcPts val="432"/>
              </a:spcBef>
              <a:buFont typeface="Arial"/>
              <a:buChar char="•"/>
            </a:pPr>
            <a:r>
              <a:rPr lang="en-US">
                <a:latin typeface="+mn-lt"/>
                <a:ea typeface="ＭＳ Ｐゴシック"/>
                <a:cs typeface="Arial"/>
              </a:rPr>
              <a:t>Specify input format</a:t>
            </a:r>
            <a:endParaRPr lang="en-US">
              <a:latin typeface="+mn-lt"/>
              <a:cs typeface="Arial"/>
            </a:endParaRPr>
          </a:p>
          <a:p>
            <a:pPr marL="285750" indent="-285750">
              <a:spcBef>
                <a:spcPts val="432"/>
              </a:spcBef>
              <a:buFont typeface="Arial"/>
              <a:buChar char="•"/>
            </a:pPr>
            <a:r>
              <a:rPr lang="en-US">
                <a:latin typeface="+mn-lt"/>
                <a:ea typeface="ＭＳ Ｐゴシック"/>
                <a:cs typeface="Arial"/>
              </a:rPr>
              <a:t>Give input files</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For AMR genes, specific class can be chosen</a:t>
            </a: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pic>
        <p:nvPicPr>
          <p:cNvPr id="6" name="Picture 2" descr="Logo&#10;&#10;Description automatically generated">
            <a:extLst>
              <a:ext uri="{FF2B5EF4-FFF2-40B4-BE49-F238E27FC236}">
                <a16:creationId xmlns:a16="http://schemas.microsoft.com/office/drawing/2014/main" id="{BDC1A62A-0C6E-4504-D7AE-DBC5EB2B19A6}"/>
              </a:ext>
            </a:extLst>
          </p:cNvPr>
          <p:cNvPicPr>
            <a:picLocks noChangeAspect="1"/>
          </p:cNvPicPr>
          <p:nvPr/>
        </p:nvPicPr>
        <p:blipFill rotWithShape="1">
          <a:blip r:embed="rId5"/>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261866059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Example of workflow</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a:p>
        </p:txBody>
      </p:sp>
      <p:graphicFrame>
        <p:nvGraphicFramePr>
          <p:cNvPr id="7" name="Diagram 6">
            <a:extLst>
              <a:ext uri="{FF2B5EF4-FFF2-40B4-BE49-F238E27FC236}">
                <a16:creationId xmlns:a16="http://schemas.microsoft.com/office/drawing/2014/main" id="{63C69590-75C0-43DE-B939-31B5A1893DC4}"/>
              </a:ext>
            </a:extLst>
          </p:cNvPr>
          <p:cNvGraphicFramePr/>
          <p:nvPr/>
        </p:nvGraphicFramePr>
        <p:xfrm>
          <a:off x="478582" y="1772816"/>
          <a:ext cx="11460468" cy="864096"/>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graphicFrame>
        <p:nvGraphicFramePr>
          <p:cNvPr id="8" name="Diagram 7">
            <a:extLst>
              <a:ext uri="{FF2B5EF4-FFF2-40B4-BE49-F238E27FC236}">
                <a16:creationId xmlns:a16="http://schemas.microsoft.com/office/drawing/2014/main" id="{F055FAF6-98EE-47D1-A8DD-9D278892B41C}"/>
              </a:ext>
            </a:extLst>
          </p:cNvPr>
          <p:cNvGraphicFramePr/>
          <p:nvPr/>
        </p:nvGraphicFramePr>
        <p:xfrm>
          <a:off x="478582" y="4209079"/>
          <a:ext cx="11460468" cy="720080"/>
        </p:xfrm>
        <a:graphic>
          <a:graphicData uri="http://schemas.openxmlformats.org/drawingml/2006/diagram">
            <dgm:relIds xmlns:dgm="http://schemas.openxmlformats.org/drawingml/2006/diagram" xmlns:r="http://schemas.openxmlformats.org/officeDocument/2006/relationships" r:dm="rId10" r:lo="rId11" r:qs="rId12" r:cs="rId13"/>
          </a:graphicData>
        </a:graphic>
      </p:graphicFrame>
      <p:sp>
        <p:nvSpPr>
          <p:cNvPr id="20" name="Down Arrow 19"/>
          <p:cNvSpPr/>
          <p:nvPr/>
        </p:nvSpPr>
        <p:spPr bwMode="auto">
          <a:xfrm>
            <a:off x="838622" y="2780927"/>
            <a:ext cx="360040" cy="1428151"/>
          </a:xfrm>
          <a:prstGeom prst="downArrow">
            <a:avLst/>
          </a:prstGeom>
          <a:solidFill>
            <a:schemeClr val="bg1">
              <a:lumMod val="75000"/>
            </a:schemeClr>
          </a:solidFill>
          <a:ln w="9525" cap="flat" cmpd="sng" algn="ctr">
            <a:solidFill>
              <a:schemeClr val="bg1">
                <a:lumMod val="7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sp>
        <p:nvSpPr>
          <p:cNvPr id="21" name="Rectangle 20"/>
          <p:cNvSpPr/>
          <p:nvPr/>
        </p:nvSpPr>
        <p:spPr bwMode="auto">
          <a:xfrm flipV="1">
            <a:off x="990010" y="2780926"/>
            <a:ext cx="10541800" cy="229958"/>
          </a:xfrm>
          <a:prstGeom prst="rect">
            <a:avLst/>
          </a:prstGeom>
          <a:solidFill>
            <a:schemeClr val="bg1">
              <a:lumMod val="75000"/>
            </a:schemeClr>
          </a:solidFill>
          <a:ln w="9525" cap="flat" cmpd="sng" algn="ctr">
            <a:solidFill>
              <a:schemeClr val="bg1">
                <a:lumMod val="7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sp>
        <p:nvSpPr>
          <p:cNvPr id="22" name="Rectangle 21"/>
          <p:cNvSpPr/>
          <p:nvPr/>
        </p:nvSpPr>
        <p:spPr bwMode="auto">
          <a:xfrm>
            <a:off x="11315786" y="2624584"/>
            <a:ext cx="216024" cy="288032"/>
          </a:xfrm>
          <a:prstGeom prst="rect">
            <a:avLst/>
          </a:prstGeom>
          <a:solidFill>
            <a:schemeClr val="bg1">
              <a:lumMod val="75000"/>
            </a:schemeClr>
          </a:solidFill>
          <a:ln w="9525" cap="flat" cmpd="sng" algn="ctr">
            <a:solidFill>
              <a:schemeClr val="bg1">
                <a:lumMod val="7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sp>
        <p:nvSpPr>
          <p:cNvPr id="23" name="Rectangle 22"/>
          <p:cNvSpPr/>
          <p:nvPr/>
        </p:nvSpPr>
        <p:spPr bwMode="auto">
          <a:xfrm>
            <a:off x="5519142" y="4077072"/>
            <a:ext cx="4752528" cy="1584176"/>
          </a:xfrm>
          <a:prstGeom prst="rect">
            <a:avLst/>
          </a:prstGeom>
          <a:noFill/>
          <a:ln w="2857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sp>
        <p:nvSpPr>
          <p:cNvPr id="24" name="TextBox 23"/>
          <p:cNvSpPr txBox="1"/>
          <p:nvPr/>
        </p:nvSpPr>
        <p:spPr>
          <a:xfrm>
            <a:off x="5591150" y="5301208"/>
            <a:ext cx="4608512" cy="246221"/>
          </a:xfrm>
          <a:prstGeom prst="rect">
            <a:avLst/>
          </a:prstGeom>
          <a:noFill/>
        </p:spPr>
        <p:txBody>
          <a:bodyPr wrap="square" lIns="0" tIns="0" rIns="0" bIns="0" rtlCol="0">
            <a:spAutoFit/>
          </a:bodyPr>
          <a:lstStyle/>
          <a:p>
            <a:pPr algn="ctr">
              <a:spcBef>
                <a:spcPts val="432"/>
              </a:spcBef>
            </a:pPr>
            <a:r>
              <a:rPr lang="en-US">
                <a:latin typeface="+mn-lt"/>
              </a:rPr>
              <a:t>Conducted in parallel</a:t>
            </a:r>
          </a:p>
        </p:txBody>
      </p:sp>
      <p:sp>
        <p:nvSpPr>
          <p:cNvPr id="3" name="Rectangle 2"/>
          <p:cNvSpPr/>
          <p:nvPr/>
        </p:nvSpPr>
        <p:spPr bwMode="auto">
          <a:xfrm>
            <a:off x="3790950" y="3789040"/>
            <a:ext cx="6552728" cy="2592288"/>
          </a:xfrm>
          <a:prstGeom prst="rect">
            <a:avLst/>
          </a:prstGeom>
          <a:noFill/>
          <a:ln w="28575" cap="flat" cmpd="sng" algn="ctr">
            <a:solidFill>
              <a:srgbClr val="00B0F0"/>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sp>
        <p:nvSpPr>
          <p:cNvPr id="6" name="TextBox 5"/>
          <p:cNvSpPr txBox="1"/>
          <p:nvPr/>
        </p:nvSpPr>
        <p:spPr>
          <a:xfrm>
            <a:off x="5087094" y="5805264"/>
            <a:ext cx="3960440" cy="246221"/>
          </a:xfrm>
          <a:prstGeom prst="rect">
            <a:avLst/>
          </a:prstGeom>
          <a:noFill/>
        </p:spPr>
        <p:txBody>
          <a:bodyPr wrap="square" lIns="0" tIns="0" rIns="0" bIns="0" rtlCol="0">
            <a:spAutoFit/>
          </a:bodyPr>
          <a:lstStyle/>
          <a:p>
            <a:pPr algn="ctr">
              <a:spcBef>
                <a:spcPts val="432"/>
              </a:spcBef>
            </a:pPr>
            <a:r>
              <a:rPr lang="en-US">
                <a:latin typeface="+mn-lt"/>
              </a:rPr>
              <a:t>Covered today</a:t>
            </a:r>
          </a:p>
        </p:txBody>
      </p:sp>
      <p:sp>
        <p:nvSpPr>
          <p:cNvPr id="14" name="Down Arrow 13"/>
          <p:cNvSpPr/>
          <p:nvPr/>
        </p:nvSpPr>
        <p:spPr bwMode="auto">
          <a:xfrm>
            <a:off x="9695606" y="2535102"/>
            <a:ext cx="360040" cy="1541970"/>
          </a:xfrm>
          <a:prstGeom prst="downArrow">
            <a:avLst/>
          </a:prstGeom>
          <a:solidFill>
            <a:schemeClr val="bg1">
              <a:lumMod val="75000"/>
            </a:schemeClr>
          </a:solidFill>
          <a:ln w="9525" cap="flat" cmpd="sng" algn="ctr">
            <a:solidFill>
              <a:schemeClr val="bg1">
                <a:lumMod val="75000"/>
              </a:schemeClr>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pic>
        <p:nvPicPr>
          <p:cNvPr id="75" name="Picture 2" descr="Logo&#10;&#10;Description automatically generated">
            <a:extLst>
              <a:ext uri="{FF2B5EF4-FFF2-40B4-BE49-F238E27FC236}">
                <a16:creationId xmlns:a16="http://schemas.microsoft.com/office/drawing/2014/main" id="{83A3CC97-1DC5-C381-CFBB-4A27DBAE945B}"/>
              </a:ext>
            </a:extLst>
          </p:cNvPr>
          <p:cNvPicPr>
            <a:picLocks noChangeAspect="1"/>
          </p:cNvPicPr>
          <p:nvPr/>
        </p:nvPicPr>
        <p:blipFill rotWithShape="1">
          <a:blip r:embed="rId15"/>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366711315"/>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5" descr="Graphical user interface, text, application&#10;&#10;Description automatically generated">
            <a:extLst>
              <a:ext uri="{FF2B5EF4-FFF2-40B4-BE49-F238E27FC236}">
                <a16:creationId xmlns:a16="http://schemas.microsoft.com/office/drawing/2014/main" id="{68E7B00E-D270-CEDC-8C0B-B85777E28D84}"/>
              </a:ext>
            </a:extLst>
          </p:cNvPr>
          <p:cNvPicPr>
            <a:picLocks noChangeAspect="1"/>
          </p:cNvPicPr>
          <p:nvPr/>
        </p:nvPicPr>
        <p:blipFill>
          <a:blip r:embed="rId4"/>
          <a:stretch>
            <a:fillRect/>
          </a:stretch>
        </p:blipFill>
        <p:spPr>
          <a:xfrm>
            <a:off x="3255610" y="1430063"/>
            <a:ext cx="8742982" cy="5120282"/>
          </a:xfrm>
          <a:prstGeom prst="rect">
            <a:avLst/>
          </a:prstGeom>
        </p:spPr>
      </p:pic>
      <p:sp>
        <p:nvSpPr>
          <p:cNvPr id="4" name="Slide Number Placeholder 3"/>
          <p:cNvSpPr>
            <a:spLocks noGrp="1"/>
          </p:cNvSpPr>
          <p:nvPr>
            <p:ph type="sldNum" sz="quarter" idx="11"/>
          </p:nvPr>
        </p:nvSpPr>
        <p:spPr/>
        <p:txBody>
          <a:bodyPr/>
          <a:lstStyle/>
          <a:p>
            <a:fld id="{103EA872-A674-449B-A120-B97244F8E91D}" type="slidenum">
              <a:rPr lang="en-GB" smtClean="0"/>
              <a:pPr/>
              <a:t>40</a:t>
            </a:fld>
            <a:endParaRPr lang="en-GB"/>
          </a:p>
        </p:txBody>
      </p:sp>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Resfinder</a:t>
            </a:r>
            <a:endParaRPr lang="en-GB"/>
          </a:p>
        </p:txBody>
      </p:sp>
      <p:sp>
        <p:nvSpPr>
          <p:cNvPr id="9" name="TextBox 8">
            <a:extLst>
              <a:ext uri="{FF2B5EF4-FFF2-40B4-BE49-F238E27FC236}">
                <a16:creationId xmlns:a16="http://schemas.microsoft.com/office/drawing/2014/main" id="{56E8F5B0-BB85-9B4F-D77B-6B5F0BC0C8B1}"/>
              </a:ext>
            </a:extLst>
          </p:cNvPr>
          <p:cNvSpPr txBox="1"/>
          <p:nvPr/>
        </p:nvSpPr>
        <p:spPr>
          <a:xfrm>
            <a:off x="6612555" y="6338398"/>
            <a:ext cx="6030981" cy="153888"/>
          </a:xfrm>
          <a:prstGeom prst="rect">
            <a:avLst/>
          </a:prstGeom>
          <a:noFill/>
        </p:spPr>
        <p:txBody>
          <a:bodyPr wrap="square" lIns="0" tIns="0" rIns="0" bIns="0" rtlCol="0" anchor="t">
            <a:spAutoFit/>
          </a:bodyPr>
          <a:lstStyle/>
          <a:p>
            <a:pPr>
              <a:spcBef>
                <a:spcPts val="432"/>
              </a:spcBef>
            </a:pPr>
            <a:r>
              <a:rPr lang="en-US" sz="1000" i="1">
                <a:latin typeface="Verdana"/>
                <a:ea typeface="ＭＳ Ｐゴシック"/>
              </a:rPr>
              <a:t>Source: Genotypic detection of AMR in Salmonella, presentation by Ana Rita Rebelo</a:t>
            </a:r>
            <a:endParaRPr lang="en-US" sz="1000" i="1"/>
          </a:p>
        </p:txBody>
      </p:sp>
      <p:sp>
        <p:nvSpPr>
          <p:cNvPr id="15" name="TextBox 14">
            <a:extLst>
              <a:ext uri="{FF2B5EF4-FFF2-40B4-BE49-F238E27FC236}">
                <a16:creationId xmlns:a16="http://schemas.microsoft.com/office/drawing/2014/main" id="{4C93D62F-02B3-8E18-4724-D6F3312C7CEC}"/>
              </a:ext>
            </a:extLst>
          </p:cNvPr>
          <p:cNvSpPr txBox="1"/>
          <p:nvPr/>
        </p:nvSpPr>
        <p:spPr>
          <a:xfrm>
            <a:off x="78717" y="1664379"/>
            <a:ext cx="3051110" cy="3416320"/>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marL="285750" indent="-285750">
              <a:spcBef>
                <a:spcPts val="432"/>
              </a:spcBef>
              <a:buFont typeface="Arial"/>
              <a:buChar char="•"/>
            </a:pPr>
            <a:r>
              <a:rPr lang="en-US">
                <a:latin typeface="+mn-lt"/>
                <a:ea typeface="ＭＳ Ｐゴシック"/>
                <a:cs typeface="Arial"/>
              </a:rPr>
              <a:t>Species are </a:t>
            </a:r>
            <a:r>
              <a:rPr lang="en-US" err="1">
                <a:latin typeface="+mn-lt"/>
                <a:ea typeface="ＭＳ Ｐゴシック"/>
                <a:cs typeface="Arial"/>
              </a:rPr>
              <a:t>neccesary</a:t>
            </a:r>
            <a:r>
              <a:rPr lang="en-US">
                <a:latin typeface="+mn-lt"/>
                <a:ea typeface="ＭＳ Ｐゴシック"/>
                <a:cs typeface="Arial"/>
              </a:rPr>
              <a:t> for point mutations</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Not all species are present</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r>
              <a:rPr lang="en-US">
                <a:latin typeface="+mn-lt"/>
                <a:ea typeface="ＭＳ Ｐゴシック"/>
                <a:cs typeface="Arial"/>
              </a:rPr>
              <a:t>"Other" allows us to search for AMR genes</a:t>
            </a: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marL="285750" indent="-285750">
              <a:spcBef>
                <a:spcPts val="432"/>
              </a:spcBef>
              <a:buFont typeface="Arial"/>
              <a:buChar char="•"/>
            </a:pPr>
            <a:endParaRPr lang="en-US">
              <a:latin typeface="+mn-lt"/>
              <a:cs typeface="Arial"/>
            </a:endParaRPr>
          </a:p>
          <a:p>
            <a:pPr>
              <a:spcBef>
                <a:spcPts val="432"/>
              </a:spcBef>
            </a:pPr>
            <a:endParaRPr lang="en-US">
              <a:latin typeface="+mn-lt"/>
              <a:cs typeface="Arial"/>
            </a:endParaRPr>
          </a:p>
          <a:p>
            <a:pPr>
              <a:spcBef>
                <a:spcPts val="432"/>
              </a:spcBef>
            </a:pPr>
            <a:endParaRPr lang="en-US">
              <a:latin typeface="+mn-lt"/>
              <a:cs typeface="Arial"/>
            </a:endParaRPr>
          </a:p>
        </p:txBody>
      </p:sp>
      <p:pic>
        <p:nvPicPr>
          <p:cNvPr id="6" name="Picture 2" descr="Logo&#10;&#10;Description automatically generated">
            <a:extLst>
              <a:ext uri="{FF2B5EF4-FFF2-40B4-BE49-F238E27FC236}">
                <a16:creationId xmlns:a16="http://schemas.microsoft.com/office/drawing/2014/main" id="{FCA53155-7601-C17C-D7E7-CE5602759C03}"/>
              </a:ext>
            </a:extLst>
          </p:cNvPr>
          <p:cNvPicPr>
            <a:picLocks noChangeAspect="1"/>
          </p:cNvPicPr>
          <p:nvPr/>
        </p:nvPicPr>
        <p:blipFill rotWithShape="1">
          <a:blip r:embed="rId5"/>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1208551594"/>
      </p:ext>
    </p:extLst>
  </p:cSld>
  <p:clrMapOvr>
    <a:masterClrMapping/>
  </p:clrMapOvr>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cs typeface="Arial"/>
              </a:rPr>
              <a:t>ID and COV</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1</a:t>
            </a:fld>
            <a:endParaRPr lang="en-GB"/>
          </a:p>
        </p:txBody>
      </p:sp>
      <p:sp>
        <p:nvSpPr>
          <p:cNvPr id="7" name="Content Placeholder 6">
            <a:extLst>
              <a:ext uri="{FF2B5EF4-FFF2-40B4-BE49-F238E27FC236}">
                <a16:creationId xmlns:a16="http://schemas.microsoft.com/office/drawing/2014/main" id="{2F263F01-46AE-0D9A-322B-828FB7F5C43E}"/>
              </a:ext>
            </a:extLst>
          </p:cNvPr>
          <p:cNvSpPr>
            <a:spLocks noGrp="1"/>
          </p:cNvSpPr>
          <p:nvPr>
            <p:ph idx="1"/>
          </p:nvPr>
        </p:nvSpPr>
        <p:spPr/>
        <p:txBody>
          <a:bodyPr/>
          <a:lstStyle/>
          <a:p>
            <a:pPr marL="197485" indent="-197485"/>
            <a:r>
              <a:rPr lang="en-US">
                <a:cs typeface="Arial"/>
              </a:rPr>
              <a:t>What is identity (ID)?</a:t>
            </a:r>
            <a:endParaRPr lang="en-US"/>
          </a:p>
          <a:p>
            <a:pPr marL="413385" lvl="1" indent="-197485"/>
            <a:r>
              <a:rPr lang="en-US">
                <a:cs typeface="Arial"/>
              </a:rPr>
              <a:t>Proportion of matching nucleotides:</a:t>
            </a:r>
          </a:p>
          <a:p>
            <a:pPr marL="413385" lvl="1" indent="-197485"/>
            <a:endParaRPr lang="en-US">
              <a:cs typeface="Arial"/>
            </a:endParaRPr>
          </a:p>
          <a:p>
            <a:pPr marL="413385" lvl="1" indent="-197485"/>
            <a:endParaRPr lang="en-US">
              <a:cs typeface="Arial"/>
            </a:endParaRPr>
          </a:p>
          <a:p>
            <a:pPr marL="413385" lvl="1" indent="-197485"/>
            <a:endParaRPr lang="en-US">
              <a:cs typeface="Arial"/>
            </a:endParaRPr>
          </a:p>
          <a:p>
            <a:pPr marL="413385" lvl="1" indent="-197485"/>
            <a:endParaRPr lang="en-US">
              <a:cs typeface="Arial"/>
            </a:endParaRPr>
          </a:p>
          <a:p>
            <a:pPr marL="413385" lvl="1" indent="-197485"/>
            <a:endParaRPr lang="en-US">
              <a:cs typeface="Arial"/>
            </a:endParaRPr>
          </a:p>
          <a:p>
            <a:pPr marL="197485" indent="-197485"/>
            <a:r>
              <a:rPr lang="en-US">
                <a:cs typeface="Arial"/>
              </a:rPr>
              <a:t>What is coverage/length (COV)?</a:t>
            </a:r>
          </a:p>
          <a:p>
            <a:pPr marL="413385" lvl="1" indent="-197485"/>
            <a:r>
              <a:rPr lang="en-US">
                <a:cs typeface="Arial"/>
              </a:rPr>
              <a:t>Proportion of nucleotides covered:</a:t>
            </a:r>
          </a:p>
          <a:p>
            <a:pPr marL="0" indent="0">
              <a:buNone/>
            </a:pPr>
            <a:endParaRPr lang="en-US">
              <a:cs typeface="Arial"/>
            </a:endParaRPr>
          </a:p>
          <a:p>
            <a:pPr marL="197485" indent="-197485"/>
            <a:endParaRPr lang="en-US">
              <a:cs typeface="Arial"/>
            </a:endParaRPr>
          </a:p>
          <a:p>
            <a:pPr marL="0" indent="0">
              <a:buNone/>
            </a:pPr>
            <a:endParaRPr lang="en-US">
              <a:cs typeface="Arial"/>
            </a:endParaRPr>
          </a:p>
          <a:p>
            <a:pPr marL="413385" lvl="1" indent="-197485"/>
            <a:endParaRPr lang="en-US">
              <a:cs typeface="Arial"/>
            </a:endParaRPr>
          </a:p>
          <a:p>
            <a:pPr marL="0" indent="0">
              <a:buNone/>
            </a:pPr>
            <a:endParaRPr lang="en-US">
              <a:cs typeface="Arial"/>
            </a:endParaRPr>
          </a:p>
        </p:txBody>
      </p:sp>
      <p:pic>
        <p:nvPicPr>
          <p:cNvPr id="3" name="Picture 5" descr="A picture containing graphical user interface&#10;&#10;Description automatically generated">
            <a:extLst>
              <a:ext uri="{FF2B5EF4-FFF2-40B4-BE49-F238E27FC236}">
                <a16:creationId xmlns:a16="http://schemas.microsoft.com/office/drawing/2014/main" id="{AF25DB53-9B96-C156-D0A6-777389AD7D20}"/>
              </a:ext>
            </a:extLst>
          </p:cNvPr>
          <p:cNvPicPr>
            <a:picLocks noChangeAspect="1"/>
          </p:cNvPicPr>
          <p:nvPr/>
        </p:nvPicPr>
        <p:blipFill rotWithShape="1">
          <a:blip r:embed="rId4"/>
          <a:srcRect l="11111" t="7317" r="16667" b="16260"/>
          <a:stretch/>
        </p:blipFill>
        <p:spPr>
          <a:xfrm>
            <a:off x="2559568" y="2549428"/>
            <a:ext cx="1745425" cy="1140492"/>
          </a:xfrm>
          <a:prstGeom prst="rect">
            <a:avLst/>
          </a:prstGeom>
        </p:spPr>
      </p:pic>
      <p:sp>
        <p:nvSpPr>
          <p:cNvPr id="6" name="TextBox 5">
            <a:extLst>
              <a:ext uri="{FF2B5EF4-FFF2-40B4-BE49-F238E27FC236}">
                <a16:creationId xmlns:a16="http://schemas.microsoft.com/office/drawing/2014/main" id="{D5458414-1AE0-C6AB-B6D7-7ABE8AE76F85}"/>
              </a:ext>
            </a:extLst>
          </p:cNvPr>
          <p:cNvSpPr txBox="1"/>
          <p:nvPr/>
        </p:nvSpPr>
        <p:spPr>
          <a:xfrm>
            <a:off x="2146583" y="2698461"/>
            <a:ext cx="451217" cy="84125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a:latin typeface="+mn-lt"/>
                <a:ea typeface="ＭＳ Ｐゴシック"/>
                <a:cs typeface="Arial"/>
              </a:rPr>
              <a:t>Ref  </a:t>
            </a:r>
          </a:p>
          <a:p>
            <a:pPr>
              <a:spcBef>
                <a:spcPts val="432"/>
              </a:spcBef>
            </a:pPr>
            <a:endParaRPr lang="en-US">
              <a:latin typeface="+mn-lt"/>
              <a:cs typeface="Arial"/>
            </a:endParaRPr>
          </a:p>
          <a:p>
            <a:pPr>
              <a:spcBef>
                <a:spcPts val="432"/>
              </a:spcBef>
            </a:pPr>
            <a:r>
              <a:rPr lang="en-US">
                <a:latin typeface="+mn-lt"/>
                <a:ea typeface="ＭＳ Ｐゴシック"/>
                <a:cs typeface="Arial"/>
              </a:rPr>
              <a:t>Iso</a:t>
            </a:r>
            <a:endParaRPr lang="en-US">
              <a:latin typeface="+mn-lt"/>
              <a:cs typeface="Arial"/>
            </a:endParaRPr>
          </a:p>
        </p:txBody>
      </p:sp>
      <p:sp>
        <p:nvSpPr>
          <p:cNvPr id="8" name="TextBox 7">
            <a:extLst>
              <a:ext uri="{FF2B5EF4-FFF2-40B4-BE49-F238E27FC236}">
                <a16:creationId xmlns:a16="http://schemas.microsoft.com/office/drawing/2014/main" id="{CA873ABF-4EBC-5945-D5AB-2BB4DC212009}"/>
              </a:ext>
            </a:extLst>
          </p:cNvPr>
          <p:cNvSpPr txBox="1"/>
          <p:nvPr/>
        </p:nvSpPr>
        <p:spPr>
          <a:xfrm>
            <a:off x="4992920" y="2934893"/>
            <a:ext cx="4639515"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a:latin typeface="+mn-lt"/>
                <a:ea typeface="ＭＳ Ｐゴシック"/>
                <a:cs typeface="Arial"/>
              </a:rPr>
              <a:t>9/10 bp align = 90% ID</a:t>
            </a:r>
            <a:endParaRPr lang="en-US"/>
          </a:p>
        </p:txBody>
      </p:sp>
      <p:sp>
        <p:nvSpPr>
          <p:cNvPr id="11" name="TextBox 10">
            <a:extLst>
              <a:ext uri="{FF2B5EF4-FFF2-40B4-BE49-F238E27FC236}">
                <a16:creationId xmlns:a16="http://schemas.microsoft.com/office/drawing/2014/main" id="{8D5B8D02-738F-8BCB-41D5-3282BD0354E4}"/>
              </a:ext>
            </a:extLst>
          </p:cNvPr>
          <p:cNvSpPr txBox="1"/>
          <p:nvPr/>
        </p:nvSpPr>
        <p:spPr>
          <a:xfrm>
            <a:off x="2146386" y="5141006"/>
            <a:ext cx="451217" cy="841256"/>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a:latin typeface="+mn-lt"/>
                <a:ea typeface="ＭＳ Ｐゴシック"/>
                <a:cs typeface="Arial"/>
              </a:rPr>
              <a:t>Ref  </a:t>
            </a:r>
          </a:p>
          <a:p>
            <a:pPr>
              <a:spcBef>
                <a:spcPts val="432"/>
              </a:spcBef>
            </a:pPr>
            <a:endParaRPr lang="en-US">
              <a:latin typeface="+mn-lt"/>
              <a:cs typeface="Arial"/>
            </a:endParaRPr>
          </a:p>
          <a:p>
            <a:pPr>
              <a:spcBef>
                <a:spcPts val="432"/>
              </a:spcBef>
            </a:pPr>
            <a:r>
              <a:rPr lang="en-US">
                <a:latin typeface="+mn-lt"/>
                <a:ea typeface="ＭＳ Ｐゴシック"/>
                <a:cs typeface="Arial"/>
              </a:rPr>
              <a:t>Iso</a:t>
            </a:r>
            <a:endParaRPr lang="en-US">
              <a:latin typeface="+mn-lt"/>
              <a:cs typeface="Arial"/>
            </a:endParaRPr>
          </a:p>
        </p:txBody>
      </p:sp>
      <p:sp>
        <p:nvSpPr>
          <p:cNvPr id="12" name="TextBox 11">
            <a:extLst>
              <a:ext uri="{FF2B5EF4-FFF2-40B4-BE49-F238E27FC236}">
                <a16:creationId xmlns:a16="http://schemas.microsoft.com/office/drawing/2014/main" id="{FB433D98-536B-D8AD-C8E0-B75C56EEC8FF}"/>
              </a:ext>
            </a:extLst>
          </p:cNvPr>
          <p:cNvSpPr txBox="1"/>
          <p:nvPr/>
        </p:nvSpPr>
        <p:spPr>
          <a:xfrm>
            <a:off x="4883929" y="5436458"/>
            <a:ext cx="4983788" cy="246221"/>
          </a:xfrm>
          <a:prstGeom prst="rect">
            <a:avLst/>
          </a:prstGeom>
          <a:noFill/>
        </p:spPr>
        <p:txBody>
          <a:bodyPr rot="0" spcFirstLastPara="0" vertOverflow="overflow" horzOverflow="overflow" vert="horz" wrap="square" lIns="0" tIns="0" rIns="0" bIns="0" numCol="1" spcCol="0" rtlCol="0" fromWordArt="0" anchor="t" anchorCtr="0" forceAA="0" compatLnSpc="1">
            <a:prstTxWarp prst="textNoShape">
              <a:avLst/>
            </a:prstTxWarp>
            <a:spAutoFit/>
          </a:bodyPr>
          <a:lstStyle/>
          <a:p>
            <a:pPr>
              <a:spcBef>
                <a:spcPts val="432"/>
              </a:spcBef>
            </a:pPr>
            <a:r>
              <a:rPr lang="en-US" dirty="0">
                <a:latin typeface="+mn-lt"/>
                <a:ea typeface="ＭＳ Ｐゴシック"/>
                <a:cs typeface="Arial"/>
              </a:rPr>
              <a:t>7/10 bp covered = 70% COV, 6/10 bp align = 60% ID</a:t>
            </a:r>
            <a:endParaRPr lang="en-US" dirty="0"/>
          </a:p>
        </p:txBody>
      </p:sp>
      <p:pic>
        <p:nvPicPr>
          <p:cNvPr id="13" name="Picture 13" descr="Text&#10;&#10;Description automatically generated">
            <a:extLst>
              <a:ext uri="{FF2B5EF4-FFF2-40B4-BE49-F238E27FC236}">
                <a16:creationId xmlns:a16="http://schemas.microsoft.com/office/drawing/2014/main" id="{72ACB3E0-DEEA-B9E7-7CF4-1D3F269AFBAE}"/>
              </a:ext>
            </a:extLst>
          </p:cNvPr>
          <p:cNvPicPr>
            <a:picLocks noChangeAspect="1"/>
          </p:cNvPicPr>
          <p:nvPr/>
        </p:nvPicPr>
        <p:blipFill rotWithShape="1">
          <a:blip r:embed="rId5"/>
          <a:srcRect l="15254" r="10169"/>
          <a:stretch/>
        </p:blipFill>
        <p:spPr>
          <a:xfrm>
            <a:off x="2558800" y="4990639"/>
            <a:ext cx="1746509" cy="1131503"/>
          </a:xfrm>
          <a:prstGeom prst="rect">
            <a:avLst/>
          </a:prstGeom>
        </p:spPr>
      </p:pic>
      <p:pic>
        <p:nvPicPr>
          <p:cNvPr id="9" name="Picture 2" descr="Logo&#10;&#10;Description automatically generated">
            <a:extLst>
              <a:ext uri="{FF2B5EF4-FFF2-40B4-BE49-F238E27FC236}">
                <a16:creationId xmlns:a16="http://schemas.microsoft.com/office/drawing/2014/main" id="{2E578C7E-C66C-C101-FCE1-79ED02C1A240}"/>
              </a:ext>
            </a:extLst>
          </p:cNvPr>
          <p:cNvPicPr>
            <a:picLocks noChangeAspect="1"/>
          </p:cNvPicPr>
          <p:nvPr/>
        </p:nvPicPr>
        <p:blipFill rotWithShape="1">
          <a:blip r:embed="rId6"/>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1522583885"/>
      </p:ext>
    </p:extLst>
  </p:cSld>
  <p:clrMapOvr>
    <a:masterClrMapping/>
  </p:clrMapOvr>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cs typeface="Arial"/>
              </a:rPr>
              <a:t>Note on databases</a:t>
            </a:r>
          </a:p>
        </p:txBody>
      </p:sp>
      <p:sp>
        <p:nvSpPr>
          <p:cNvPr id="4" name="Slide Number Placeholder 3"/>
          <p:cNvSpPr>
            <a:spLocks noGrp="1"/>
          </p:cNvSpPr>
          <p:nvPr>
            <p:ph type="sldNum" sz="quarter" idx="11"/>
          </p:nvPr>
        </p:nvSpPr>
        <p:spPr/>
        <p:txBody>
          <a:bodyPr/>
          <a:lstStyle/>
          <a:p>
            <a:fld id="{103EA872-A674-449B-A120-B97244F8E91D}" type="slidenum">
              <a:rPr lang="en-GB" smtClean="0"/>
              <a:pPr/>
              <a:t>42</a:t>
            </a:fld>
            <a:endParaRPr lang="en-GB"/>
          </a:p>
        </p:txBody>
      </p:sp>
      <p:sp>
        <p:nvSpPr>
          <p:cNvPr id="7" name="Content Placeholder 6">
            <a:extLst>
              <a:ext uri="{FF2B5EF4-FFF2-40B4-BE49-F238E27FC236}">
                <a16:creationId xmlns:a16="http://schemas.microsoft.com/office/drawing/2014/main" id="{2F263F01-46AE-0D9A-322B-828FB7F5C43E}"/>
              </a:ext>
            </a:extLst>
          </p:cNvPr>
          <p:cNvSpPr>
            <a:spLocks noGrp="1"/>
          </p:cNvSpPr>
          <p:nvPr>
            <p:ph idx="1"/>
          </p:nvPr>
        </p:nvSpPr>
        <p:spPr/>
        <p:txBody>
          <a:bodyPr/>
          <a:lstStyle/>
          <a:p>
            <a:pPr marL="197485" indent="-197485"/>
            <a:r>
              <a:rPr lang="en-US" dirty="0">
                <a:cs typeface="Arial"/>
              </a:rPr>
              <a:t>Make your own database!</a:t>
            </a:r>
          </a:p>
          <a:p>
            <a:pPr marL="413385" lvl="1" indent="-197485"/>
            <a:r>
              <a:rPr lang="en-US" dirty="0" err="1">
                <a:cs typeface="Arial"/>
              </a:rPr>
              <a:t>MyDBFinder</a:t>
            </a:r>
            <a:r>
              <a:rPr lang="en-US" dirty="0">
                <a:cs typeface="Arial"/>
              </a:rPr>
              <a:t> (</a:t>
            </a:r>
            <a:r>
              <a:rPr lang="en-US" dirty="0">
                <a:ea typeface="+mn-lt"/>
                <a:cs typeface="+mn-lt"/>
                <a:hlinkClick r:id="rId4"/>
              </a:rPr>
              <a:t>https://cge.food.dtu.dk/services/MyKMAfinder/</a:t>
            </a:r>
            <a:r>
              <a:rPr lang="en-US" dirty="0">
                <a:ea typeface="+mn-lt"/>
                <a:cs typeface="+mn-lt"/>
              </a:rPr>
              <a:t>)</a:t>
            </a:r>
            <a:endParaRPr lang="en-US" dirty="0">
              <a:cs typeface="Arial"/>
            </a:endParaRPr>
          </a:p>
          <a:p>
            <a:pPr marL="413385" lvl="1" indent="-197485"/>
            <a:r>
              <a:rPr lang="en-US" dirty="0" err="1">
                <a:cs typeface="Arial"/>
              </a:rPr>
              <a:t>MyKMAFinder</a:t>
            </a:r>
            <a:r>
              <a:rPr lang="en-US" dirty="0">
                <a:cs typeface="Arial"/>
              </a:rPr>
              <a:t> (</a:t>
            </a:r>
            <a:r>
              <a:rPr lang="en-US" dirty="0">
                <a:ea typeface="+mn-lt"/>
                <a:cs typeface="+mn-lt"/>
                <a:hlinkClick r:id="rId5"/>
              </a:rPr>
              <a:t>https://cge.food.dtu.dk/services/MyDbFinder/</a:t>
            </a:r>
            <a:r>
              <a:rPr lang="en-US" dirty="0">
                <a:ea typeface="+mn-lt"/>
                <a:cs typeface="+mn-lt"/>
              </a:rPr>
              <a:t>)</a:t>
            </a:r>
            <a:endParaRPr lang="en-US" dirty="0">
              <a:cs typeface="Arial"/>
            </a:endParaRPr>
          </a:p>
          <a:p>
            <a:pPr marL="413385" lvl="1" indent="-197485"/>
            <a:r>
              <a:rPr lang="en-US" dirty="0">
                <a:cs typeface="Arial"/>
              </a:rPr>
              <a:t>NCBI-Blast (</a:t>
            </a:r>
            <a:r>
              <a:rPr lang="en-US" dirty="0">
                <a:ea typeface="+mn-lt"/>
                <a:cs typeface="+mn-lt"/>
                <a:hlinkClick r:id="rId6"/>
              </a:rPr>
              <a:t>BLAST+ executables — BLASTHelp documentation (nih.gov)</a:t>
            </a:r>
            <a:r>
              <a:rPr lang="en-US" dirty="0">
                <a:cs typeface="Arial"/>
              </a:rPr>
              <a:t>)</a:t>
            </a:r>
          </a:p>
          <a:p>
            <a:pPr marL="197485" indent="-197485"/>
            <a:endParaRPr lang="en-US" dirty="0">
              <a:cs typeface="Arial"/>
            </a:endParaRPr>
          </a:p>
          <a:p>
            <a:pPr marL="197485" indent="-197485"/>
            <a:r>
              <a:rPr lang="en-US" dirty="0">
                <a:cs typeface="Arial"/>
              </a:rPr>
              <a:t>Organize genes of interest into a </a:t>
            </a:r>
            <a:r>
              <a:rPr lang="en-US" dirty="0" err="1">
                <a:cs typeface="Arial"/>
              </a:rPr>
              <a:t>fasta</a:t>
            </a:r>
            <a:r>
              <a:rPr lang="en-US" dirty="0">
                <a:cs typeface="Arial"/>
              </a:rPr>
              <a:t> file </a:t>
            </a:r>
          </a:p>
          <a:p>
            <a:pPr marL="413385" lvl="1" indent="-197485"/>
            <a:r>
              <a:rPr lang="en-US" dirty="0">
                <a:cs typeface="Arial"/>
              </a:rPr>
              <a:t>Upload to online solution</a:t>
            </a:r>
          </a:p>
          <a:p>
            <a:pPr marL="413385" lvl="1" indent="-197485"/>
            <a:r>
              <a:rPr lang="en-US" dirty="0">
                <a:cs typeface="Arial"/>
              </a:rPr>
              <a:t>Make blast database with </a:t>
            </a:r>
            <a:r>
              <a:rPr lang="en-US" dirty="0" err="1">
                <a:cs typeface="Arial"/>
              </a:rPr>
              <a:t>makeblastdb</a:t>
            </a:r>
            <a:r>
              <a:rPr lang="en-US" dirty="0">
                <a:cs typeface="Arial"/>
              </a:rPr>
              <a:t> (part of standalone blast tools)</a:t>
            </a:r>
          </a:p>
          <a:p>
            <a:pPr marL="413385" lvl="1" indent="-197485"/>
            <a:endParaRPr lang="en-US" dirty="0">
              <a:cs typeface="Arial"/>
            </a:endParaRPr>
          </a:p>
          <a:p>
            <a:pPr marL="197485" indent="-197485"/>
            <a:r>
              <a:rPr lang="en-US" dirty="0">
                <a:cs typeface="Arial"/>
              </a:rPr>
              <a:t>Large range of customization</a:t>
            </a:r>
          </a:p>
          <a:p>
            <a:pPr marL="197485" indent="-197485"/>
            <a:endParaRPr lang="en-US" dirty="0">
              <a:cs typeface="Arial"/>
            </a:endParaRPr>
          </a:p>
          <a:p>
            <a:pPr marL="197485" indent="-197485"/>
            <a:r>
              <a:rPr lang="en-US" dirty="0">
                <a:cs typeface="Arial"/>
              </a:rPr>
              <a:t>Better options likely exist for larger datasets</a:t>
            </a:r>
          </a:p>
          <a:p>
            <a:pPr marL="0" indent="0">
              <a:buNone/>
            </a:pPr>
            <a:endParaRPr lang="en-US" dirty="0">
              <a:cs typeface="Arial"/>
            </a:endParaRPr>
          </a:p>
          <a:p>
            <a:pPr marL="0" indent="0">
              <a:buNone/>
            </a:pPr>
            <a:endParaRPr lang="en-US" dirty="0">
              <a:cs typeface="Arial"/>
            </a:endParaRPr>
          </a:p>
          <a:p>
            <a:pPr marL="0" indent="0">
              <a:buNone/>
            </a:pPr>
            <a:endParaRPr lang="en-US" dirty="0">
              <a:cs typeface="Arial"/>
            </a:endParaRPr>
          </a:p>
        </p:txBody>
      </p:sp>
      <p:pic>
        <p:nvPicPr>
          <p:cNvPr id="6" name="Picture 2" descr="Logo&#10;&#10;Description automatically generated">
            <a:extLst>
              <a:ext uri="{FF2B5EF4-FFF2-40B4-BE49-F238E27FC236}">
                <a16:creationId xmlns:a16="http://schemas.microsoft.com/office/drawing/2014/main" id="{67BCFCBA-FC02-1C7F-CA7E-B6E080993CAD}"/>
              </a:ext>
            </a:extLst>
          </p:cNvPr>
          <p:cNvPicPr>
            <a:picLocks noChangeAspect="1"/>
          </p:cNvPicPr>
          <p:nvPr/>
        </p:nvPicPr>
        <p:blipFill rotWithShape="1">
          <a:blip r:embed="rId7"/>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3740023394"/>
      </p:ext>
    </p:extLst>
  </p:cSld>
  <p:clrMapOvr>
    <a:masterClrMapping/>
  </p:clrMapOvr>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2CE28F-F196-EF49-92C1-21EDA4B9497E}"/>
              </a:ext>
            </a:extLst>
          </p:cNvPr>
          <p:cNvSpPr>
            <a:spLocks noGrp="1"/>
          </p:cNvSpPr>
          <p:nvPr>
            <p:ph type="title"/>
          </p:nvPr>
        </p:nvSpPr>
        <p:spPr/>
        <p:txBody>
          <a:bodyPr/>
          <a:lstStyle/>
          <a:p>
            <a:r>
              <a:rPr lang="en-DK" dirty="0"/>
              <a:t>Acknowledgements</a:t>
            </a:r>
            <a:br>
              <a:rPr lang="en-DK" dirty="0"/>
            </a:br>
            <a:endParaRPr lang="en-DK" dirty="0"/>
          </a:p>
        </p:txBody>
      </p:sp>
      <p:sp>
        <p:nvSpPr>
          <p:cNvPr id="3" name="Content Placeholder 2">
            <a:extLst>
              <a:ext uri="{FF2B5EF4-FFF2-40B4-BE49-F238E27FC236}">
                <a16:creationId xmlns:a16="http://schemas.microsoft.com/office/drawing/2014/main" id="{C21C4AFD-5C52-2C0D-629B-A4565532A594}"/>
              </a:ext>
            </a:extLst>
          </p:cNvPr>
          <p:cNvSpPr>
            <a:spLocks noGrp="1"/>
          </p:cNvSpPr>
          <p:nvPr>
            <p:ph idx="4294967295"/>
          </p:nvPr>
        </p:nvSpPr>
        <p:spPr>
          <a:xfrm>
            <a:off x="431944" y="4992210"/>
            <a:ext cx="11366607" cy="1070821"/>
          </a:xfrm>
          <a:prstGeom prst="rect">
            <a:avLst/>
          </a:prstGeom>
        </p:spPr>
        <p:txBody>
          <a:bodyPr lIns="91440" tIns="45720" rIns="91440" bIns="45720" anchor="t"/>
          <a:lstStyle/>
          <a:p>
            <a:r>
              <a:rPr lang="en-GB" sz="2000" dirty="0">
                <a:latin typeface="inherit"/>
              </a:rPr>
              <a:t>The creation of this training material was commissioned by ECDC to Statens Serum </a:t>
            </a:r>
            <a:r>
              <a:rPr lang="en-GB" sz="2000" dirty="0" err="1">
                <a:latin typeface="inherit"/>
              </a:rPr>
              <a:t>Institut</a:t>
            </a:r>
            <a:r>
              <a:rPr lang="en-GB" sz="2000" dirty="0">
                <a:latin typeface="inherit"/>
              </a:rPr>
              <a:t> (SSI) and produced by The National Food Institute at the Technical University of Denmark (DTU) with the direct involvement of Lauge Holm Sørensen and Niamh Lacy-Roberts</a:t>
            </a:r>
            <a:endParaRPr lang="en-DK" sz="2000" dirty="0"/>
          </a:p>
        </p:txBody>
      </p:sp>
    </p:spTree>
    <p:extLst>
      <p:ext uri="{BB962C8B-B14F-4D97-AF65-F5344CB8AC3E}">
        <p14:creationId xmlns:p14="http://schemas.microsoft.com/office/powerpoint/2010/main" val="2359053494"/>
      </p:ext>
    </p:extLst>
  </p:cSld>
  <p:clrMapOvr>
    <a:masterClrMapping/>
  </p:clrMapOvr>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References</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197485" indent="-197485"/>
            <a:r>
              <a:rPr lang="en-US" sz="1000"/>
              <a:t>Dominguez Del Angel V, </a:t>
            </a:r>
            <a:r>
              <a:rPr lang="en-US" sz="1000" err="1"/>
              <a:t>Hjerde</a:t>
            </a:r>
            <a:r>
              <a:rPr lang="en-US" sz="1000"/>
              <a:t> E, </a:t>
            </a:r>
            <a:r>
              <a:rPr lang="en-US" sz="1000" err="1"/>
              <a:t>Sterck</a:t>
            </a:r>
            <a:r>
              <a:rPr lang="en-US" sz="1000"/>
              <a:t> L </a:t>
            </a:r>
            <a:r>
              <a:rPr lang="en-US" sz="1000" i="1"/>
              <a:t>et al.</a:t>
            </a:r>
            <a:r>
              <a:rPr lang="en-US" sz="1000"/>
              <a:t> Ten steps to get started in Genome Assembly and Annotation [version 1; peer review: 2 approved]. </a:t>
            </a:r>
            <a:r>
              <a:rPr lang="en-US" sz="1000" i="1"/>
              <a:t>F1000Research</a:t>
            </a:r>
            <a:r>
              <a:rPr lang="en-US" sz="1000"/>
              <a:t> 2018, </a:t>
            </a:r>
            <a:r>
              <a:rPr lang="en-US" sz="1000" b="1"/>
              <a:t>7</a:t>
            </a:r>
            <a:r>
              <a:rPr lang="en-US" sz="1000"/>
              <a:t>(ELIXIR):148 (</a:t>
            </a:r>
            <a:r>
              <a:rPr lang="en-US" sz="1000">
                <a:hlinkClick r:id="rId4"/>
              </a:rPr>
              <a:t>https://doi.org/10.12688/f1000research.13598.1</a:t>
            </a:r>
            <a:r>
              <a:rPr lang="en-US" sz="1000"/>
              <a:t>)</a:t>
            </a:r>
            <a:endParaRPr lang="en-US" sz="1000">
              <a:cs typeface="Arial"/>
            </a:endParaRPr>
          </a:p>
          <a:p>
            <a:pPr marL="197485" indent="-197485"/>
            <a:r>
              <a:rPr lang="en-US" sz="1000"/>
              <a:t>Murray, Christopher J. L., et al. “Global Burden of Bacterial Antimicrobial Resistance in 2019: a Systematic Analysis.” Lancet, vol. 399, no. 10325, Elsevier B.V., 2022, pp. 629–55, doi:10.1016/S0140-6736(21)02724-0. </a:t>
            </a:r>
            <a:endParaRPr lang="en-US" sz="1000">
              <a:cs typeface="Arial"/>
            </a:endParaRPr>
          </a:p>
          <a:p>
            <a:pPr marL="197485" indent="-197485"/>
            <a:r>
              <a:rPr lang="en-US" sz="1000"/>
              <a:t>Norrby, S. Ragnar, et al. “Lack of Development of New Antimicrobial Drugs: A Potential Serious Threat to Public Health.” Lancet Infectious Diseases, vol. 5, no. 2, Lancet Publishing Group, 2005, pp. 115–19, doi:10.1016/S1473-3099(05)70086-4.</a:t>
            </a:r>
            <a:endParaRPr lang="en-US" sz="1000" dirty="0"/>
          </a:p>
          <a:p>
            <a:pPr marL="197485" indent="-197485"/>
            <a:r>
              <a:rPr lang="en-US" sz="1000" dirty="0"/>
              <a:t>Zhang, P., Mao, D., Gao, H. et al. Colonization of gut microbiota by plasmid-carrying bacteria is facilitated by evolutionary adaptation to antibiotic treatment. ISME J 16, 1284–1293 (2022). </a:t>
            </a:r>
            <a:r>
              <a:rPr lang="en-US" sz="1000" dirty="0">
                <a:hlinkClick r:id="rId5">
                  <a:extLst>
                    <a:ext uri="{A12FA001-AC4F-418D-AE19-62706E023703}">
                      <ahyp:hlinkClr xmlns="" xmlns:ahyp="http://schemas.microsoft.com/office/drawing/2018/hyperlinkcolor" val="tx"/>
                    </a:ext>
                  </a:extLst>
                </a:hlinkClick>
              </a:rPr>
              <a:t>https://doi.org/10.1038/s41396-021-01171-x</a:t>
            </a:r>
            <a:endParaRPr lang="en-US" sz="1000"/>
          </a:p>
          <a:p>
            <a:pPr marL="197485" indent="-197485"/>
            <a:r>
              <a:rPr lang="en-US" sz="1000" err="1"/>
              <a:t>Fratamico</a:t>
            </a:r>
            <a:r>
              <a:rPr lang="en-US" sz="1000" dirty="0"/>
              <a:t> PM, </a:t>
            </a:r>
            <a:r>
              <a:rPr lang="en-US" sz="1000" err="1"/>
              <a:t>DebRoy</a:t>
            </a:r>
            <a:r>
              <a:rPr lang="en-US" sz="1000" dirty="0"/>
              <a:t> C, Liu Y, Needleman DS, </a:t>
            </a:r>
            <a:r>
              <a:rPr lang="en-US" sz="1000" err="1"/>
              <a:t>Baranzoni</a:t>
            </a:r>
            <a:r>
              <a:rPr lang="en-US" sz="1000" dirty="0"/>
              <a:t> GM, Feng P. Advances in Molecular Serotyping and Subtyping of Escherichia coli. Front </a:t>
            </a:r>
            <a:r>
              <a:rPr lang="en-US" sz="1000" err="1"/>
              <a:t>Microbiol</a:t>
            </a:r>
            <a:r>
              <a:rPr lang="en-US" sz="1000" dirty="0"/>
              <a:t>. 2016 May 3;7:644. </a:t>
            </a:r>
            <a:r>
              <a:rPr lang="en-US" sz="1000" err="1"/>
              <a:t>doi</a:t>
            </a:r>
            <a:r>
              <a:rPr lang="en-US" sz="1000" dirty="0"/>
              <a:t>: 10.3389/fmicb.2016.00644. PMID: 27199968; PMCID: PMC4853403.</a:t>
            </a:r>
          </a:p>
          <a:p>
            <a:pPr marL="197485" indent="-197485"/>
            <a:r>
              <a:rPr lang="en-US" sz="1000"/>
              <a:t>Joensen, Katrine Grimstrup, et al. “Rapid and Easy In Silico Serotyping of Escherichia Coli Isolates by Use of Whole-Genome Sequencing Data.” Journal of Clinical Microbiology, edited by K. C. Carroll, vol. 53, no. 8, American Society for Microbiology, 2015, pp. 2410–26, doi:10.1128/JCM.00008-15.</a:t>
            </a:r>
            <a:endParaRPr lang="en-US" sz="1000" dirty="0"/>
          </a:p>
        </p:txBody>
      </p:sp>
      <p:sp>
        <p:nvSpPr>
          <p:cNvPr id="4" name="Slide Number Placeholder 3"/>
          <p:cNvSpPr>
            <a:spLocks noGrp="1"/>
          </p:cNvSpPr>
          <p:nvPr>
            <p:ph type="sldNum" sz="quarter" idx="11"/>
          </p:nvPr>
        </p:nvSpPr>
        <p:spPr/>
        <p:txBody>
          <a:bodyPr/>
          <a:lstStyle/>
          <a:p>
            <a:fld id="{103EA872-A674-449B-A120-B97244F8E91D}" type="slidenum">
              <a:rPr lang="en-GB" dirty="0" smtClean="0"/>
              <a:pPr/>
              <a:t>44</a:t>
            </a:fld>
            <a:endParaRPr lang="en-GB"/>
          </a:p>
        </p:txBody>
      </p:sp>
      <p:pic>
        <p:nvPicPr>
          <p:cNvPr id="3" name="Picture 2" descr="Logo&#10;&#10;Description automatically generated">
            <a:extLst>
              <a:ext uri="{FF2B5EF4-FFF2-40B4-BE49-F238E27FC236}">
                <a16:creationId xmlns:a16="http://schemas.microsoft.com/office/drawing/2014/main" id="{E19225D7-2034-9A38-304F-60A5121B2C8F}"/>
              </a:ext>
            </a:extLst>
          </p:cNvPr>
          <p:cNvPicPr>
            <a:picLocks noChangeAspect="1"/>
          </p:cNvPicPr>
          <p:nvPr/>
        </p:nvPicPr>
        <p:blipFill rotWithShape="1">
          <a:blip r:embed="rId6"/>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159269339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Annotation</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774726" y="1706328"/>
            <a:ext cx="8064896" cy="4545578"/>
          </a:xfrm>
        </p:spPr>
        <p:txBody>
          <a:bodyPr/>
          <a:lstStyle/>
          <a:p>
            <a:r>
              <a:rPr lang="en-US"/>
              <a:t>“The annotation process infers the structure and function of the assembled sequences. Protein-coding genes are often annotated first, but other features, such as non-coding RNAs or presence of regulatory or repetitive sequences, can also be annotated.” (Dominguez Del Angel et al, 2018)</a:t>
            </a:r>
          </a:p>
          <a:p>
            <a:endParaRPr lang="en-US"/>
          </a:p>
          <a:p>
            <a:r>
              <a:rPr lang="en-GB"/>
              <a:t>Once we have the assembled the genome annotation is straight forward:</a:t>
            </a:r>
          </a:p>
          <a:p>
            <a:pPr lvl="1"/>
            <a:r>
              <a:rPr lang="en-GB"/>
              <a:t>Conformation of species</a:t>
            </a:r>
          </a:p>
          <a:p>
            <a:pPr lvl="1"/>
            <a:r>
              <a:rPr lang="en-GB"/>
              <a:t>Prediction of genes</a:t>
            </a:r>
          </a:p>
          <a:p>
            <a:pPr lvl="1"/>
            <a:r>
              <a:rPr lang="en-GB"/>
              <a:t>Prediction of function</a:t>
            </a:r>
          </a:p>
          <a:p>
            <a:pPr lvl="2"/>
            <a:r>
              <a:rPr lang="en-GB"/>
              <a:t>Conserved modules</a:t>
            </a:r>
          </a:p>
          <a:p>
            <a:pPr lvl="1"/>
            <a:r>
              <a:rPr lang="en-GB"/>
              <a:t>Typing</a:t>
            </a:r>
          </a:p>
          <a:p>
            <a:pPr lvl="1"/>
            <a:r>
              <a:rPr lang="en-GB"/>
              <a:t>Other features</a:t>
            </a:r>
          </a:p>
          <a:p>
            <a:pPr lvl="1"/>
            <a:endParaRPr lang="en-GB"/>
          </a:p>
          <a:p>
            <a:r>
              <a:rPr lang="en-GB"/>
              <a:t>If only certain features are of interest, we can use raw sequence data directly</a:t>
            </a:r>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a:p>
        </p:txBody>
      </p:sp>
      <p:sp>
        <p:nvSpPr>
          <p:cNvPr id="2" name="TextBox 1"/>
          <p:cNvSpPr txBox="1"/>
          <p:nvPr/>
        </p:nvSpPr>
        <p:spPr>
          <a:xfrm>
            <a:off x="10343678" y="2060848"/>
            <a:ext cx="1595372" cy="246221"/>
          </a:xfrm>
          <a:prstGeom prst="rect">
            <a:avLst/>
          </a:prstGeom>
          <a:noFill/>
        </p:spPr>
        <p:txBody>
          <a:bodyPr wrap="square" lIns="0" tIns="0" rIns="0" bIns="0" rtlCol="0">
            <a:spAutoFit/>
          </a:bodyPr>
          <a:lstStyle/>
          <a:p>
            <a:pPr algn="l">
              <a:spcBef>
                <a:spcPts val="432"/>
              </a:spcBef>
            </a:pPr>
            <a:r>
              <a:rPr lang="en-US">
                <a:solidFill>
                  <a:srgbClr val="FF0000"/>
                </a:solidFill>
                <a:latin typeface="+mn-lt"/>
              </a:rPr>
              <a:t>A</a:t>
            </a:r>
            <a:r>
              <a:rPr lang="en-US">
                <a:solidFill>
                  <a:schemeClr val="accent2">
                    <a:lumMod val="60000"/>
                    <a:lumOff val="40000"/>
                  </a:schemeClr>
                </a:solidFill>
                <a:latin typeface="+mn-lt"/>
              </a:rPr>
              <a:t>T</a:t>
            </a:r>
            <a:r>
              <a:rPr lang="en-US">
                <a:solidFill>
                  <a:schemeClr val="accent3">
                    <a:lumMod val="75000"/>
                  </a:schemeClr>
                </a:solidFill>
                <a:latin typeface="+mn-lt"/>
              </a:rPr>
              <a:t>G</a:t>
            </a:r>
            <a:r>
              <a:rPr lang="en-US">
                <a:latin typeface="+mn-lt"/>
              </a:rPr>
              <a:t>C</a:t>
            </a:r>
            <a:r>
              <a:rPr lang="en-US">
                <a:solidFill>
                  <a:schemeClr val="accent3">
                    <a:lumMod val="75000"/>
                  </a:schemeClr>
                </a:solidFill>
                <a:latin typeface="+mn-lt"/>
              </a:rPr>
              <a:t>G</a:t>
            </a:r>
            <a:r>
              <a:rPr lang="en-US">
                <a:latin typeface="+mn-lt"/>
              </a:rPr>
              <a:t>C</a:t>
            </a:r>
            <a:r>
              <a:rPr lang="en-US">
                <a:solidFill>
                  <a:schemeClr val="accent3">
                    <a:lumMod val="75000"/>
                  </a:schemeClr>
                </a:solidFill>
                <a:latin typeface="+mn-lt"/>
              </a:rPr>
              <a:t>G</a:t>
            </a:r>
            <a:r>
              <a:rPr lang="en-US">
                <a:solidFill>
                  <a:srgbClr val="FF0000"/>
                </a:solidFill>
                <a:latin typeface="+mn-lt"/>
              </a:rPr>
              <a:t>A</a:t>
            </a:r>
            <a:r>
              <a:rPr lang="en-US">
                <a:solidFill>
                  <a:schemeClr val="accent2">
                    <a:lumMod val="60000"/>
                    <a:lumOff val="40000"/>
                  </a:schemeClr>
                </a:solidFill>
                <a:latin typeface="+mn-lt"/>
              </a:rPr>
              <a:t>T</a:t>
            </a:r>
          </a:p>
        </p:txBody>
      </p:sp>
      <p:sp>
        <p:nvSpPr>
          <p:cNvPr id="3" name="Down Arrow 2"/>
          <p:cNvSpPr/>
          <p:nvPr/>
        </p:nvSpPr>
        <p:spPr bwMode="auto">
          <a:xfrm>
            <a:off x="10631710" y="2636912"/>
            <a:ext cx="504056" cy="1656184"/>
          </a:xfrm>
          <a:prstGeom prst="downArrow">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US" sz="1600" b="0" i="0" u="none" strike="noStrike" cap="none" normalizeH="0" baseline="0" err="1">
              <a:ln>
                <a:noFill/>
              </a:ln>
              <a:solidFill>
                <a:srgbClr val="FFFFFF"/>
              </a:solidFill>
              <a:effectLst/>
              <a:latin typeface="+mn-lt"/>
              <a:ea typeface="ＭＳ Ｐゴシック" pitchFamily="-80" charset="-128"/>
            </a:endParaRPr>
          </a:p>
        </p:txBody>
      </p:sp>
      <p:pic>
        <p:nvPicPr>
          <p:cNvPr id="9" name="Picture 8"/>
          <p:cNvPicPr>
            <a:picLocks noChangeAspect="1"/>
          </p:cNvPicPr>
          <p:nvPr/>
        </p:nvPicPr>
        <p:blipFill>
          <a:blip r:embed="rId4"/>
          <a:stretch>
            <a:fillRect/>
          </a:stretch>
        </p:blipFill>
        <p:spPr>
          <a:xfrm>
            <a:off x="9713913" y="4365104"/>
            <a:ext cx="2476500" cy="1447800"/>
          </a:xfrm>
          <a:prstGeom prst="rect">
            <a:avLst/>
          </a:prstGeom>
        </p:spPr>
      </p:pic>
      <p:sp>
        <p:nvSpPr>
          <p:cNvPr id="10" name="TextBox 9"/>
          <p:cNvSpPr txBox="1"/>
          <p:nvPr/>
        </p:nvSpPr>
        <p:spPr>
          <a:xfrm>
            <a:off x="10271670" y="5812904"/>
            <a:ext cx="1451080" cy="246221"/>
          </a:xfrm>
          <a:prstGeom prst="rect">
            <a:avLst/>
          </a:prstGeom>
          <a:noFill/>
        </p:spPr>
        <p:txBody>
          <a:bodyPr wrap="square" lIns="0" tIns="0" rIns="0" bIns="0" rtlCol="0">
            <a:spAutoFit/>
          </a:bodyPr>
          <a:lstStyle/>
          <a:p>
            <a:pPr algn="l">
              <a:spcBef>
                <a:spcPts val="432"/>
              </a:spcBef>
            </a:pPr>
            <a:r>
              <a:rPr lang="en-US">
                <a:latin typeface="+mn-lt"/>
              </a:rPr>
              <a:t>EXG_123</a:t>
            </a:r>
          </a:p>
        </p:txBody>
      </p:sp>
      <p:pic>
        <p:nvPicPr>
          <p:cNvPr id="8" name="Picture 2" descr="Logo&#10;&#10;Description automatically generated">
            <a:extLst>
              <a:ext uri="{FF2B5EF4-FFF2-40B4-BE49-F238E27FC236}">
                <a16:creationId xmlns:a16="http://schemas.microsoft.com/office/drawing/2014/main" id="{25176230-E9DF-C093-51F2-22096EDAD7B8}"/>
              </a:ext>
            </a:extLst>
          </p:cNvPr>
          <p:cNvPicPr>
            <a:picLocks noChangeAspect="1"/>
          </p:cNvPicPr>
          <p:nvPr/>
        </p:nvPicPr>
        <p:blipFill rotWithShape="1">
          <a:blip r:embed="rId5"/>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347164668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Full genome annotation</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en-GB"/>
              <a:t>With Whole genome sequencing (WGS) we capture (almost) everything in the cell</a:t>
            </a:r>
          </a:p>
          <a:p>
            <a:pPr lvl="1"/>
            <a:r>
              <a:rPr lang="en-GB" err="1"/>
              <a:t>Prokka</a:t>
            </a:r>
            <a:r>
              <a:rPr lang="en-GB"/>
              <a:t>: rapid prokaryotic genome annotation (</a:t>
            </a:r>
            <a:r>
              <a:rPr lang="en-US">
                <a:hlinkClick r:id="rId4"/>
              </a:rPr>
              <a:t>GitHub - </a:t>
            </a:r>
            <a:r>
              <a:rPr lang="en-US" err="1">
                <a:hlinkClick r:id="rId4"/>
              </a:rPr>
              <a:t>tseemann</a:t>
            </a:r>
            <a:r>
              <a:rPr lang="en-US">
                <a:hlinkClick r:id="rId4"/>
              </a:rPr>
              <a:t>/</a:t>
            </a:r>
            <a:r>
              <a:rPr lang="en-US" err="1">
                <a:hlinkClick r:id="rId4"/>
              </a:rPr>
              <a:t>prokka</a:t>
            </a:r>
            <a:r>
              <a:rPr lang="en-US">
                <a:hlinkClick r:id="rId4"/>
              </a:rPr>
              <a:t>: Rapid prokaryotic genome annotation</a:t>
            </a:r>
            <a:r>
              <a:rPr lang="en-GB"/>
              <a:t>)</a:t>
            </a:r>
          </a:p>
          <a:p>
            <a:pPr lvl="1"/>
            <a:r>
              <a:rPr lang="en-GB"/>
              <a:t>ANNOVAR: Higher organisms (</a:t>
            </a:r>
            <a:r>
              <a:rPr lang="en-US">
                <a:hlinkClick r:id="rId5"/>
              </a:rPr>
              <a:t>ANNOVAR Documentation (openbioinformatics.org)</a:t>
            </a:r>
            <a:r>
              <a:rPr lang="en-GB"/>
              <a:t>)</a:t>
            </a:r>
          </a:p>
          <a:p>
            <a:pPr lvl="1"/>
            <a:r>
              <a:rPr lang="en-GB"/>
              <a:t>NCBI-PGAP: Prokaryotic annotation (</a:t>
            </a:r>
            <a:r>
              <a:rPr lang="en-US">
                <a:hlinkClick r:id="rId6"/>
              </a:rPr>
              <a:t>NCBI Prokaryotic Genome Annotation Pipeline (nih.gov)</a:t>
            </a:r>
            <a:r>
              <a:rPr lang="en-GB"/>
              <a:t>)</a:t>
            </a:r>
          </a:p>
          <a:p>
            <a:pPr lvl="1"/>
            <a:r>
              <a:rPr lang="en-GB"/>
              <a:t>Predictive annotation: </a:t>
            </a:r>
            <a:r>
              <a:rPr lang="en-GB" err="1"/>
              <a:t>eggNOG</a:t>
            </a:r>
            <a:r>
              <a:rPr lang="en-GB"/>
              <a:t>-mapper</a:t>
            </a:r>
            <a:br>
              <a:rPr lang="en-GB"/>
            </a:br>
            <a:r>
              <a:rPr lang="en-GB"/>
              <a:t>(</a:t>
            </a:r>
            <a:r>
              <a:rPr lang="en-US" err="1">
                <a:hlinkClick r:id="rId7"/>
              </a:rPr>
              <a:t>eggNOG</a:t>
            </a:r>
            <a:r>
              <a:rPr lang="en-US">
                <a:hlinkClick r:id="rId7"/>
              </a:rPr>
              <a:t>-mapper (embl.de)</a:t>
            </a:r>
            <a:r>
              <a:rPr lang="en-GB"/>
              <a:t>)</a:t>
            </a:r>
          </a:p>
          <a:p>
            <a:pPr lvl="1"/>
            <a:endParaRPr lang="en-GB"/>
          </a:p>
          <a:p>
            <a:r>
              <a:rPr lang="en-GB"/>
              <a:t>These pipelines usually generate multiple</a:t>
            </a:r>
            <a:br>
              <a:rPr lang="en-GB"/>
            </a:br>
            <a:r>
              <a:rPr lang="en-GB"/>
              <a:t>output files, which can be used for further data</a:t>
            </a:r>
            <a:br>
              <a:rPr lang="en-GB"/>
            </a:br>
            <a:r>
              <a:rPr lang="en-GB"/>
              <a:t>handling or visualization</a:t>
            </a:r>
          </a:p>
          <a:p>
            <a:endParaRPr lang="en-GB"/>
          </a:p>
          <a:p>
            <a:r>
              <a:rPr lang="en-GB"/>
              <a:t>There are multiple visualization tools, e.g. IGV,</a:t>
            </a:r>
            <a:br>
              <a:rPr lang="en-GB"/>
            </a:br>
            <a:r>
              <a:rPr lang="en-GB"/>
              <a:t>which can be installed locally or used online.</a:t>
            </a:r>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a:p>
        </p:txBody>
      </p:sp>
      <p:sp>
        <p:nvSpPr>
          <p:cNvPr id="3" name="TextBox 2"/>
          <p:cNvSpPr txBox="1"/>
          <p:nvPr/>
        </p:nvSpPr>
        <p:spPr>
          <a:xfrm>
            <a:off x="6671270" y="6247391"/>
            <a:ext cx="5760640" cy="153888"/>
          </a:xfrm>
          <a:prstGeom prst="rect">
            <a:avLst/>
          </a:prstGeom>
          <a:noFill/>
        </p:spPr>
        <p:txBody>
          <a:bodyPr wrap="square" lIns="0" tIns="0" rIns="0" bIns="0" rtlCol="0">
            <a:spAutoFit/>
          </a:bodyPr>
          <a:lstStyle/>
          <a:p>
            <a:pPr>
              <a:spcBef>
                <a:spcPts val="432"/>
              </a:spcBef>
            </a:pPr>
            <a:r>
              <a:rPr lang="en-US" sz="1000">
                <a:latin typeface="+mn-lt"/>
              </a:rPr>
              <a:t>E. Coli strain K-12 from NCBI visualized with </a:t>
            </a:r>
            <a:r>
              <a:rPr lang="en-US" sz="1000" err="1">
                <a:latin typeface="+mn-lt"/>
              </a:rPr>
              <a:t>gff</a:t>
            </a:r>
            <a:r>
              <a:rPr lang="en-US" sz="1000">
                <a:latin typeface="+mn-lt"/>
              </a:rPr>
              <a:t> in IGV (</a:t>
            </a:r>
            <a:r>
              <a:rPr lang="en-US" sz="1000">
                <a:hlinkClick r:id="rId8"/>
              </a:rPr>
              <a:t>IGV</a:t>
            </a:r>
            <a:r>
              <a:rPr lang="en-US" sz="1000"/>
              <a:t>)</a:t>
            </a:r>
            <a:endParaRPr lang="en-US" sz="1000">
              <a:latin typeface="+mn-lt"/>
            </a:endParaRPr>
          </a:p>
        </p:txBody>
      </p:sp>
      <p:pic>
        <p:nvPicPr>
          <p:cNvPr id="7" name="Picture 6"/>
          <p:cNvPicPr>
            <a:picLocks noChangeAspect="1"/>
          </p:cNvPicPr>
          <p:nvPr/>
        </p:nvPicPr>
        <p:blipFill>
          <a:blip r:embed="rId9"/>
          <a:stretch>
            <a:fillRect/>
          </a:stretch>
        </p:blipFill>
        <p:spPr>
          <a:xfrm>
            <a:off x="6851679" y="3273575"/>
            <a:ext cx="4871071" cy="2941468"/>
          </a:xfrm>
          <a:prstGeom prst="rect">
            <a:avLst/>
          </a:prstGeom>
        </p:spPr>
      </p:pic>
      <p:pic>
        <p:nvPicPr>
          <p:cNvPr id="8" name="Picture 2" descr="Logo&#10;&#10;Description automatically generated">
            <a:extLst>
              <a:ext uri="{FF2B5EF4-FFF2-40B4-BE49-F238E27FC236}">
                <a16:creationId xmlns:a16="http://schemas.microsoft.com/office/drawing/2014/main" id="{4BBE358E-EE95-BF7C-6466-B5CCCA95A621}"/>
              </a:ext>
            </a:extLst>
          </p:cNvPr>
          <p:cNvPicPr>
            <a:picLocks noChangeAspect="1"/>
          </p:cNvPicPr>
          <p:nvPr/>
        </p:nvPicPr>
        <p:blipFill rotWithShape="1">
          <a:blip r:embed="rId10"/>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276550083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2" descr="Logo&#10;&#10;Description automatically generated">
            <a:extLst>
              <a:ext uri="{FF2B5EF4-FFF2-40B4-BE49-F238E27FC236}">
                <a16:creationId xmlns:a16="http://schemas.microsoft.com/office/drawing/2014/main" id="{F7E58C62-92C2-B9EC-05F3-34E1D8771FDF}"/>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Data is everything</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197485" indent="-197485"/>
            <a:r>
              <a:rPr lang="en-GB"/>
              <a:t>We can produce a lot of data, but is it useful?</a:t>
            </a:r>
            <a:endParaRPr lang="en-US"/>
          </a:p>
          <a:p>
            <a:pPr marL="413385" lvl="1" indent="-197485"/>
            <a:r>
              <a:rPr lang="en-GB"/>
              <a:t>Bioinformatics relies heavily on findings produced in the wet lab</a:t>
            </a:r>
            <a:endParaRPr lang="en-GB">
              <a:cs typeface="Arial"/>
            </a:endParaRPr>
          </a:p>
          <a:p>
            <a:pPr marL="615315" lvl="2" indent="-197485"/>
            <a:r>
              <a:rPr lang="en-GB"/>
              <a:t>We cannot prove biological functions purely </a:t>
            </a:r>
            <a:r>
              <a:rPr lang="en-GB" i="1"/>
              <a:t>in silico</a:t>
            </a:r>
            <a:r>
              <a:rPr lang="en-GB"/>
              <a:t> </a:t>
            </a:r>
            <a:endParaRPr lang="en-GB">
              <a:cs typeface="Arial"/>
            </a:endParaRPr>
          </a:p>
          <a:p>
            <a:pPr marL="615315" lvl="2" indent="-197485"/>
            <a:r>
              <a:rPr lang="en-GB"/>
              <a:t>We can make prediction based on previous findings</a:t>
            </a:r>
            <a:endParaRPr lang="en-GB">
              <a:cs typeface="Arial"/>
            </a:endParaRPr>
          </a:p>
          <a:p>
            <a:pPr marL="615315" lvl="2" indent="-197485"/>
            <a:r>
              <a:rPr lang="en-GB"/>
              <a:t>We can track changes down to the nucleotide level</a:t>
            </a:r>
            <a:endParaRPr lang="en-GB">
              <a:cs typeface="Arial"/>
            </a:endParaRPr>
          </a:p>
          <a:p>
            <a:pPr marL="413385" lvl="1" indent="-197485"/>
            <a:r>
              <a:rPr lang="en-GB"/>
              <a:t>We are limited by our databases </a:t>
            </a:r>
            <a:endParaRPr lang="en-GB">
              <a:cs typeface="Arial"/>
            </a:endParaRPr>
          </a:p>
          <a:p>
            <a:pPr marL="615315" lvl="2" indent="-197485"/>
            <a:r>
              <a:rPr lang="en-GB"/>
              <a:t>Some genes have no annotation information</a:t>
            </a:r>
            <a:endParaRPr lang="en-GB">
              <a:cs typeface="Arial"/>
            </a:endParaRPr>
          </a:p>
          <a:p>
            <a:pPr marL="827405" lvl="3" indent="-197485"/>
            <a:r>
              <a:rPr lang="en-GB"/>
              <a:t>Gene with unknown function, but recognized modules or motives</a:t>
            </a:r>
            <a:endParaRPr lang="en-GB">
              <a:cs typeface="Arial"/>
            </a:endParaRPr>
          </a:p>
          <a:p>
            <a:pPr marL="615315" lvl="2" indent="-197485"/>
            <a:r>
              <a:rPr lang="en-GB"/>
              <a:t>Pseudo genes</a:t>
            </a:r>
            <a:endParaRPr lang="en-GB">
              <a:cs typeface="Arial"/>
            </a:endParaRPr>
          </a:p>
          <a:p>
            <a:pPr marL="413385" lvl="1" indent="-197485"/>
            <a:r>
              <a:rPr lang="en-GB"/>
              <a:t>We are only interested in a small subset of information</a:t>
            </a:r>
            <a:endParaRPr lang="en-GB">
              <a:cs typeface="Arial"/>
            </a:endParaRPr>
          </a:p>
          <a:p>
            <a:pPr marL="615315" lvl="2" indent="-197485"/>
            <a:r>
              <a:rPr lang="en-GB"/>
              <a:t>If we are interested in a given subject, we can reduce the amount of data</a:t>
            </a:r>
            <a:endParaRPr lang="en-GB">
              <a:cs typeface="Arial"/>
            </a:endParaRPr>
          </a:p>
          <a:p>
            <a:pPr marL="615315" lvl="2" indent="-197485"/>
            <a:r>
              <a:rPr lang="en-GB"/>
              <a:t>In E. coli K-12 there are 4639 predicted genes of which 3 are related to AMR</a:t>
            </a:r>
            <a:endParaRPr lang="en-GB">
              <a:cs typeface="Arial"/>
            </a:endParaRPr>
          </a:p>
          <a:p>
            <a:pPr marL="615315" lvl="2" indent="-197485"/>
            <a:r>
              <a:rPr lang="en-GB"/>
              <a:t>Specialized databases</a:t>
            </a:r>
            <a:endParaRPr lang="en-GB">
              <a:cs typeface="Arial"/>
            </a:endParaRPr>
          </a:p>
          <a:p>
            <a:pPr marL="615315" lvl="2" indent="-197485"/>
            <a:r>
              <a:rPr lang="en-GB"/>
              <a:t>Simplifies analysis and clarifies message</a:t>
            </a:r>
            <a:endParaRPr lang="en-GB">
              <a:cs typeface="Arial"/>
            </a:endParaRPr>
          </a:p>
          <a:p>
            <a:pPr marL="615315" lvl="2" indent="-197485"/>
            <a:endParaRPr lang="en-GB">
              <a:cs typeface="Arial"/>
            </a:endParaRPr>
          </a:p>
          <a:p>
            <a:pPr marL="615315" lvl="2" indent="-197485"/>
            <a:endParaRPr lang="en-GB">
              <a:cs typeface="Arial"/>
            </a:endParaRPr>
          </a:p>
          <a:p>
            <a:pPr marL="413385" lvl="1" indent="-197485"/>
            <a:endParaRPr lang="en-GB">
              <a:cs typeface="Arial"/>
            </a:endParaRPr>
          </a:p>
          <a:p>
            <a:pPr marL="197485" indent="-197485"/>
            <a:endParaRPr lang="en-GB">
              <a:cs typeface="Arial"/>
            </a:endParaRPr>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a:p>
        </p:txBody>
      </p:sp>
    </p:spTree>
    <p:custDataLst>
      <p:custData r:id="rId1"/>
      <p:custData r:id="rId2"/>
    </p:custDataLst>
    <p:extLst>
      <p:ext uri="{BB962C8B-B14F-4D97-AF65-F5344CB8AC3E}">
        <p14:creationId xmlns:p14="http://schemas.microsoft.com/office/powerpoint/2010/main" val="392395746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Data is everything</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a:xfrm>
            <a:off x="1774726" y="1854129"/>
            <a:ext cx="6217962" cy="4397777"/>
          </a:xfrm>
        </p:spPr>
        <p:txBody>
          <a:bodyPr/>
          <a:lstStyle/>
          <a:p>
            <a:pPr marL="197485" indent="-197485"/>
            <a:r>
              <a:rPr lang="en-GB" dirty="0">
                <a:cs typeface="Arial"/>
              </a:rPr>
              <a:t>Translating classic biochemical methods to bioinformatics</a:t>
            </a:r>
            <a:endParaRPr lang="en-GB" dirty="0"/>
          </a:p>
          <a:p>
            <a:pPr marL="413385" lvl="1" indent="-197485"/>
            <a:r>
              <a:rPr lang="en-GB" dirty="0">
                <a:cs typeface="Arial"/>
              </a:rPr>
              <a:t>Serotyping of </a:t>
            </a:r>
            <a:r>
              <a:rPr lang="en-GB" i="1" dirty="0">
                <a:cs typeface="Arial"/>
              </a:rPr>
              <a:t>E. coli</a:t>
            </a:r>
            <a:r>
              <a:rPr lang="en-GB" dirty="0">
                <a:cs typeface="Arial"/>
              </a:rPr>
              <a:t> is based on testing the O- and H-antigens with antisera</a:t>
            </a:r>
          </a:p>
          <a:p>
            <a:pPr marL="413385" lvl="1" indent="-197485"/>
            <a:r>
              <a:rPr lang="en-GB" dirty="0">
                <a:cs typeface="Arial"/>
              </a:rPr>
              <a:t>186 O-antigens and 53 H-flagellar antigens determines the serotype</a:t>
            </a:r>
          </a:p>
          <a:p>
            <a:pPr marL="413385" lvl="1" indent="-197485"/>
            <a:r>
              <a:rPr lang="en-GB" dirty="0">
                <a:cs typeface="Arial"/>
              </a:rPr>
              <a:t>Time consuming and sometimes inconclusive </a:t>
            </a:r>
          </a:p>
          <a:p>
            <a:pPr marL="197485" indent="-197485"/>
            <a:endParaRPr lang="en-GB" dirty="0">
              <a:cs typeface="Arial"/>
            </a:endParaRPr>
          </a:p>
          <a:p>
            <a:pPr marL="197485" indent="-197485"/>
            <a:r>
              <a:rPr lang="en-GB" dirty="0">
                <a:cs typeface="Arial"/>
              </a:rPr>
              <a:t>O- and H- genes have been extracted and their associated phenotype determined</a:t>
            </a:r>
          </a:p>
          <a:p>
            <a:pPr marL="413385" lvl="1" indent="-197485"/>
            <a:r>
              <a:rPr lang="en-GB" dirty="0">
                <a:cs typeface="Arial"/>
              </a:rPr>
              <a:t>Predicting the Serotype based on genetic profile showed &gt;98% concordance with phenotype</a:t>
            </a:r>
          </a:p>
          <a:p>
            <a:pPr marL="413385" lvl="1" indent="-197485"/>
            <a:r>
              <a:rPr lang="en-GB" dirty="0">
                <a:cs typeface="Arial"/>
              </a:rPr>
              <a:t>Analysis can be conducted in minutes rather than hours</a:t>
            </a:r>
          </a:p>
          <a:p>
            <a:pPr marL="413385" lvl="1" indent="-197485"/>
            <a:r>
              <a:rPr lang="en-GB" dirty="0">
                <a:cs typeface="Arial"/>
              </a:rPr>
              <a:t>It is still only an estimate</a:t>
            </a:r>
          </a:p>
          <a:p>
            <a:pPr marL="197485" indent="-197485">
              <a:buNone/>
            </a:pPr>
            <a:r>
              <a:rPr lang="en-GB" dirty="0">
                <a:cs typeface="Arial"/>
              </a:rPr>
              <a:t>(Joensen et al., 2015, </a:t>
            </a:r>
            <a:r>
              <a:rPr lang="en-GB" dirty="0" err="1">
                <a:cs typeface="Arial"/>
              </a:rPr>
              <a:t>Fratamico</a:t>
            </a:r>
            <a:r>
              <a:rPr lang="en-GB" dirty="0">
                <a:cs typeface="Arial"/>
              </a:rPr>
              <a:t> et al., 2016)</a:t>
            </a:r>
          </a:p>
          <a:p>
            <a:pPr marL="0" indent="0">
              <a:buNone/>
            </a:pPr>
            <a:endParaRPr lang="en-GB" dirty="0">
              <a:cs typeface="Arial"/>
            </a:endParaRPr>
          </a:p>
        </p:txBody>
      </p:sp>
      <p:sp>
        <p:nvSpPr>
          <p:cNvPr id="4" name="Slide Number Placeholder 3"/>
          <p:cNvSpPr>
            <a:spLocks noGrp="1"/>
          </p:cNvSpPr>
          <p:nvPr>
            <p:ph type="sldNum" sz="quarter" idx="11"/>
          </p:nvPr>
        </p:nvSpPr>
        <p:spPr/>
        <p:txBody>
          <a:bodyPr/>
          <a:lstStyle/>
          <a:p>
            <a:fld id="{103EA872-A674-449B-A120-B97244F8E91D}" type="slidenum">
              <a:rPr lang="en-GB" dirty="0" smtClean="0"/>
              <a:pPr/>
              <a:t>8</a:t>
            </a:fld>
            <a:endParaRPr lang="en-GB" dirty="0"/>
          </a:p>
        </p:txBody>
      </p:sp>
      <p:pic>
        <p:nvPicPr>
          <p:cNvPr id="2" name="Picture 2" descr="A picture containing different, several&#10;&#10;Description automatically generated">
            <a:extLst>
              <a:ext uri="{FF2B5EF4-FFF2-40B4-BE49-F238E27FC236}">
                <a16:creationId xmlns:a16="http://schemas.microsoft.com/office/drawing/2014/main" id="{69DE2AF6-DA48-050E-55D1-94F0AA6034EA}"/>
              </a:ext>
            </a:extLst>
          </p:cNvPr>
          <p:cNvPicPr>
            <a:picLocks noChangeAspect="1"/>
          </p:cNvPicPr>
          <p:nvPr/>
        </p:nvPicPr>
        <p:blipFill>
          <a:blip r:embed="rId4"/>
          <a:stretch>
            <a:fillRect/>
          </a:stretch>
        </p:blipFill>
        <p:spPr>
          <a:xfrm>
            <a:off x="8205761" y="2286258"/>
            <a:ext cx="3855263" cy="2620172"/>
          </a:xfrm>
          <a:prstGeom prst="rect">
            <a:avLst/>
          </a:prstGeom>
        </p:spPr>
      </p:pic>
      <p:sp>
        <p:nvSpPr>
          <p:cNvPr id="7" name="TextBox 6">
            <a:extLst>
              <a:ext uri="{FF2B5EF4-FFF2-40B4-BE49-F238E27FC236}">
                <a16:creationId xmlns:a16="http://schemas.microsoft.com/office/drawing/2014/main" id="{56EE967A-C742-84F0-C2B0-A256C030732E}"/>
              </a:ext>
            </a:extLst>
          </p:cNvPr>
          <p:cNvSpPr txBox="1"/>
          <p:nvPr/>
        </p:nvSpPr>
        <p:spPr>
          <a:xfrm>
            <a:off x="8201902" y="4932304"/>
            <a:ext cx="3863811" cy="820738"/>
          </a:xfrm>
          <a:prstGeom prst="rect">
            <a:avLst/>
          </a:prstGeom>
          <a:noFill/>
        </p:spPr>
        <p:txBody>
          <a:bodyPr wrap="square" lIns="0" tIns="0" rIns="0" bIns="0" rtlCol="0" anchor="t">
            <a:spAutoFit/>
          </a:bodyPr>
          <a:lstStyle/>
          <a:p>
            <a:pPr>
              <a:spcBef>
                <a:spcPts val="432"/>
              </a:spcBef>
            </a:pPr>
            <a:r>
              <a:rPr lang="en-US" sz="1000" i="1" dirty="0">
                <a:latin typeface="Verdana"/>
                <a:ea typeface="ＭＳ Ｐゴシック"/>
              </a:rPr>
              <a:t>E. coli in scanning electron </a:t>
            </a:r>
            <a:r>
              <a:rPr lang="en-US" sz="1000" i="1">
                <a:latin typeface="Verdana"/>
                <a:ea typeface="ＭＳ Ｐゴシック"/>
              </a:rPr>
              <a:t>microscopic image, CDC/ </a:t>
            </a:r>
            <a:r>
              <a:rPr lang="en-US" sz="1000" i="1" dirty="0">
                <a:latin typeface="Verdana"/>
                <a:ea typeface="ＭＳ Ｐゴシック"/>
              </a:rPr>
              <a:t>Evangeline Sowers, Janice Haney </a:t>
            </a:r>
            <a:r>
              <a:rPr lang="en-US" sz="1000" i="1" err="1">
                <a:latin typeface="Verdana"/>
                <a:ea typeface="ＭＳ Ｐゴシック"/>
              </a:rPr>
              <a:t>Carr</a:t>
            </a:r>
            <a:r>
              <a:rPr lang="en-US" sz="1000" i="1" dirty="0">
                <a:latin typeface="Verdana"/>
                <a:ea typeface="ＭＳ Ｐゴシック"/>
              </a:rPr>
              <a:t>, 2005, Public domain image, </a:t>
            </a:r>
            <a:r>
              <a:rPr lang="en-US" sz="1000" i="1" dirty="0">
                <a:latin typeface="Verdana"/>
                <a:ea typeface="ＭＳ Ｐゴシック"/>
                <a:hlinkClick r:id="rId5">
                  <a:extLst>
                    <a:ext uri="{A12FA001-AC4F-418D-AE19-62706E023703}">
                      <ahyp:hlinkClr xmlns="" xmlns:ahyp="http://schemas.microsoft.com/office/drawing/2018/hyperlinkcolor" val="tx"/>
                    </a:ext>
                  </a:extLst>
                </a:hlinkClick>
              </a:rPr>
              <a:t>https://phil.cdc.gov/Details.aspx?pid=10042</a:t>
            </a:r>
            <a:endParaRPr lang="en-US" sz="1000" i="1">
              <a:latin typeface="Verdana"/>
              <a:ea typeface="ＭＳ Ｐゴシック"/>
            </a:endParaRPr>
          </a:p>
          <a:p>
            <a:pPr>
              <a:spcBef>
                <a:spcPts val="432"/>
              </a:spcBef>
            </a:pPr>
            <a:r>
              <a:rPr lang="en-US" sz="1000" i="1" dirty="0">
                <a:latin typeface="Verdana"/>
                <a:ea typeface="ＭＳ Ｐゴシック"/>
              </a:rPr>
              <a:t/>
            </a:r>
            <a:br>
              <a:rPr lang="en-US" sz="1000" i="1" dirty="0">
                <a:latin typeface="Verdana"/>
                <a:ea typeface="ＭＳ Ｐゴシック"/>
              </a:rPr>
            </a:br>
            <a:endParaRPr lang="en-US" sz="1000" i="1">
              <a:latin typeface="Verdana"/>
              <a:ea typeface="ＭＳ Ｐゴシック"/>
            </a:endParaRPr>
          </a:p>
        </p:txBody>
      </p:sp>
      <p:pic>
        <p:nvPicPr>
          <p:cNvPr id="8" name="Picture 2" descr="Logo&#10;&#10;Description automatically generated">
            <a:extLst>
              <a:ext uri="{FF2B5EF4-FFF2-40B4-BE49-F238E27FC236}">
                <a16:creationId xmlns:a16="http://schemas.microsoft.com/office/drawing/2014/main" id="{4E529546-0466-98D3-B7F1-A065459104E4}"/>
              </a:ext>
            </a:extLst>
          </p:cNvPr>
          <p:cNvPicPr>
            <a:picLocks noChangeAspect="1"/>
          </p:cNvPicPr>
          <p:nvPr/>
        </p:nvPicPr>
        <p:blipFill rotWithShape="1">
          <a:blip r:embed="rId6"/>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3065723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a:t>Prediction of species</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197485" indent="-197485"/>
            <a:r>
              <a:rPr lang="en-GB">
                <a:cs typeface="Arial"/>
              </a:rPr>
              <a:t>16s rRNA gene formed the basis as the first method for sequenced based taxonomy</a:t>
            </a:r>
            <a:endParaRPr lang="en-US"/>
          </a:p>
          <a:p>
            <a:pPr marL="197485" indent="-197485"/>
            <a:r>
              <a:rPr lang="en-GB">
                <a:cs typeface="Arial"/>
              </a:rPr>
              <a:t>Other approaches:</a:t>
            </a:r>
            <a:endParaRPr lang="en-US">
              <a:cs typeface="Arial"/>
            </a:endParaRPr>
          </a:p>
          <a:p>
            <a:pPr marL="413385" lvl="1" indent="-197485"/>
            <a:r>
              <a:rPr lang="en-GB" err="1">
                <a:cs typeface="Arial"/>
              </a:rPr>
              <a:t>gyrB</a:t>
            </a:r>
            <a:r>
              <a:rPr lang="en-GB">
                <a:cs typeface="Arial"/>
              </a:rPr>
              <a:t> gene, </a:t>
            </a:r>
            <a:r>
              <a:rPr lang="en-GB" err="1">
                <a:cs typeface="Arial"/>
              </a:rPr>
              <a:t>rMLST</a:t>
            </a:r>
            <a:r>
              <a:rPr lang="en-GB">
                <a:cs typeface="Arial"/>
              </a:rPr>
              <a:t>, species-specific functional domain profiles  </a:t>
            </a:r>
            <a:endParaRPr lang="en-GB"/>
          </a:p>
          <a:p>
            <a:pPr marL="413385" lvl="1" indent="-197485"/>
            <a:r>
              <a:rPr lang="en-GB">
                <a:cs typeface="Arial"/>
              </a:rPr>
              <a:t>Shortcomings:</a:t>
            </a:r>
          </a:p>
          <a:p>
            <a:pPr marL="615315" lvl="2" indent="-197485"/>
            <a:r>
              <a:rPr lang="en-GB">
                <a:cs typeface="Arial"/>
              </a:rPr>
              <a:t>Only represents a small fraction of the entire genome </a:t>
            </a:r>
          </a:p>
          <a:p>
            <a:pPr marL="615315" lvl="2" indent="-197485"/>
            <a:r>
              <a:rPr lang="en-GB">
                <a:cs typeface="Arial"/>
              </a:rPr>
              <a:t>Today we have WGS data, better to </a:t>
            </a:r>
            <a:r>
              <a:rPr lang="en-GB" err="1">
                <a:cs typeface="Arial"/>
              </a:rPr>
              <a:t>ultilize</a:t>
            </a:r>
            <a:r>
              <a:rPr lang="en-GB">
                <a:cs typeface="Arial"/>
              </a:rPr>
              <a:t> the whole genome instead of just one gene for identification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9</a:t>
            </a:fld>
            <a:endParaRPr lang="en-GB"/>
          </a:p>
        </p:txBody>
      </p:sp>
      <p:sp>
        <p:nvSpPr>
          <p:cNvPr id="2" name="Oval 1">
            <a:extLst>
              <a:ext uri="{FF2B5EF4-FFF2-40B4-BE49-F238E27FC236}">
                <a16:creationId xmlns:a16="http://schemas.microsoft.com/office/drawing/2014/main" id="{793B6433-83A3-6860-1B7C-1DA2100068CD}"/>
              </a:ext>
            </a:extLst>
          </p:cNvPr>
          <p:cNvSpPr/>
          <p:nvPr/>
        </p:nvSpPr>
        <p:spPr bwMode="auto">
          <a:xfrm>
            <a:off x="3682401" y="3847288"/>
            <a:ext cx="4024198" cy="2599217"/>
          </a:xfrm>
          <a:prstGeom prst="ellipse">
            <a:avLst/>
          </a:prstGeom>
          <a:no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err="1">
              <a:ln>
                <a:noFill/>
              </a:ln>
              <a:solidFill>
                <a:srgbClr val="FFFFFF"/>
              </a:solidFill>
              <a:effectLst/>
              <a:latin typeface="+mn-lt"/>
              <a:ea typeface="ＭＳ Ｐゴシック" pitchFamily="-80" charset="-128"/>
            </a:endParaRPr>
          </a:p>
        </p:txBody>
      </p:sp>
      <p:sp>
        <p:nvSpPr>
          <p:cNvPr id="7" name="Rectangle: Rounded Corners 6">
            <a:extLst>
              <a:ext uri="{FF2B5EF4-FFF2-40B4-BE49-F238E27FC236}">
                <a16:creationId xmlns:a16="http://schemas.microsoft.com/office/drawing/2014/main" id="{6D3AA8E5-151C-B33D-11FE-1EABB9B6243D}"/>
              </a:ext>
            </a:extLst>
          </p:cNvPr>
          <p:cNvSpPr/>
          <p:nvPr/>
        </p:nvSpPr>
        <p:spPr bwMode="auto">
          <a:xfrm>
            <a:off x="8131673" y="3979201"/>
            <a:ext cx="1411968" cy="416870"/>
          </a:xfrm>
          <a:prstGeom prst="round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algn="ctr">
              <a:spcBef>
                <a:spcPts val="432"/>
              </a:spcBef>
            </a:pPr>
            <a:r>
              <a:rPr lang="en-GB">
                <a:solidFill>
                  <a:srgbClr val="FFFFFF"/>
                </a:solidFill>
                <a:latin typeface="+mn-lt"/>
                <a:ea typeface="ＭＳ Ｐゴシック"/>
                <a:cs typeface="Arial"/>
              </a:rPr>
              <a:t>16s rRNA gene</a:t>
            </a:r>
            <a:endParaRPr lang="en-GB" sz="1600" b="0" i="0" u="none" strike="noStrike" cap="none" normalizeH="0" baseline="0">
              <a:ln>
                <a:noFill/>
              </a:ln>
              <a:solidFill>
                <a:srgbClr val="FFFFFF"/>
              </a:solidFill>
              <a:effectLst/>
              <a:latin typeface="+mn-lt"/>
              <a:ea typeface="ＭＳ Ｐゴシック" pitchFamily="-80" charset="-128"/>
              <a:cs typeface="Arial"/>
            </a:endParaRPr>
          </a:p>
        </p:txBody>
      </p:sp>
      <p:sp>
        <p:nvSpPr>
          <p:cNvPr id="8" name="Rectangle: Rounded Corners 7">
            <a:extLst>
              <a:ext uri="{FF2B5EF4-FFF2-40B4-BE49-F238E27FC236}">
                <a16:creationId xmlns:a16="http://schemas.microsoft.com/office/drawing/2014/main" id="{581E963E-41A7-BA4D-E545-D567CDE74D0B}"/>
              </a:ext>
            </a:extLst>
          </p:cNvPr>
          <p:cNvSpPr/>
          <p:nvPr/>
        </p:nvSpPr>
        <p:spPr bwMode="auto">
          <a:xfrm rot="3120000">
            <a:off x="7354057" y="4468565"/>
            <a:ext cx="201975" cy="128529"/>
          </a:xfrm>
          <a:prstGeom prst="round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algn="ctr">
              <a:spcBef>
                <a:spcPts val="432"/>
              </a:spcBef>
            </a:pPr>
            <a:endParaRPr lang="en-GB" sz="1600" b="0" i="0" u="none" strike="noStrike" cap="none" normalizeH="0" baseline="0">
              <a:ln>
                <a:noFill/>
              </a:ln>
              <a:solidFill>
                <a:srgbClr val="FFFFFF"/>
              </a:solidFill>
              <a:effectLst/>
              <a:latin typeface="+mn-lt"/>
              <a:ea typeface="ＭＳ Ｐゴシック" pitchFamily="-80" charset="-128"/>
              <a:cs typeface="Arial"/>
            </a:endParaRPr>
          </a:p>
        </p:txBody>
      </p:sp>
      <p:cxnSp>
        <p:nvCxnSpPr>
          <p:cNvPr id="9" name="Straight Arrow Connector 8">
            <a:extLst>
              <a:ext uri="{FF2B5EF4-FFF2-40B4-BE49-F238E27FC236}">
                <a16:creationId xmlns:a16="http://schemas.microsoft.com/office/drawing/2014/main" id="{B2486493-9E52-2A54-0591-E18E20930096}"/>
              </a:ext>
            </a:extLst>
          </p:cNvPr>
          <p:cNvCxnSpPr/>
          <p:nvPr/>
        </p:nvCxnSpPr>
        <p:spPr bwMode="auto">
          <a:xfrm flipH="1">
            <a:off x="7507945" y="4249090"/>
            <a:ext cx="544379" cy="224640"/>
          </a:xfrm>
          <a:prstGeom prst="straightConnector1">
            <a:avLst/>
          </a:prstGeom>
          <a:solidFill>
            <a:schemeClr val="accent1"/>
          </a:solidFill>
          <a:ln w="9525" cap="flat" cmpd="sng" algn="ctr">
            <a:solidFill>
              <a:schemeClr val="tx1"/>
            </a:solidFill>
            <a:prstDash val="solid"/>
            <a:miter lim="800000"/>
            <a:headEnd type="none" w="med" len="med"/>
            <a:tailEnd type="triangle"/>
          </a:ln>
          <a:effectLst/>
          <a:extLst>
            <a:ext uri="{AF507438-7753-43E0-B8FC-AC1667EBCBE1}">
              <a14:hiddenEffects xmlns:a14="http://schemas.microsoft.com/office/drawing/2010/main">
                <a:effectLst>
                  <a:outerShdw dist="35921" dir="2700000" algn="ctr" rotWithShape="0">
                    <a:schemeClr val="bg2"/>
                  </a:outerShdw>
                </a:effectLst>
              </a14:hiddenEffects>
            </a:ext>
          </a:extLst>
        </p:spPr>
      </p:cxnSp>
      <p:pic>
        <p:nvPicPr>
          <p:cNvPr id="10" name="Picture 2" descr="Logo&#10;&#10;Description automatically generated">
            <a:extLst>
              <a:ext uri="{FF2B5EF4-FFF2-40B4-BE49-F238E27FC236}">
                <a16:creationId xmlns:a16="http://schemas.microsoft.com/office/drawing/2014/main" id="{985B529E-F517-4D03-8C61-EE6FEC062FD9}"/>
              </a:ext>
            </a:extLst>
          </p:cNvPr>
          <p:cNvPicPr>
            <a:picLocks noChangeAspect="1"/>
          </p:cNvPicPr>
          <p:nvPr/>
        </p:nvPicPr>
        <p:blipFill rotWithShape="1">
          <a:blip r:embed="rId4"/>
          <a:srcRect t="5202" r="-337" b="578"/>
          <a:stretch/>
        </p:blipFill>
        <p:spPr>
          <a:xfrm>
            <a:off x="10234925" y="127261"/>
            <a:ext cx="1967505" cy="1525653"/>
          </a:xfrm>
          <a:prstGeom prst="rect">
            <a:avLst/>
          </a:prstGeom>
        </p:spPr>
      </p:pic>
    </p:spTree>
    <p:custDataLst>
      <p:custData r:id="rId1"/>
      <p:custData r:id="rId2"/>
    </p:custDataLst>
    <p:extLst>
      <p:ext uri="{BB962C8B-B14F-4D97-AF65-F5344CB8AC3E}">
        <p14:creationId xmlns:p14="http://schemas.microsoft.com/office/powerpoint/2010/main" val="2012724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ECDC_PowerPoint_Template_2017-2">
  <a:themeElements>
    <a:clrScheme name="Custom 1">
      <a:dk1>
        <a:sysClr val="windowText" lastClr="000000"/>
      </a:dk1>
      <a:lt1>
        <a:sysClr val="window" lastClr="FFFFFF"/>
      </a:lt1>
      <a:dk2>
        <a:srgbClr val="1F497D"/>
      </a:dk2>
      <a:lt2>
        <a:srgbClr val="EEECE1"/>
      </a:lt2>
      <a:accent1>
        <a:srgbClr val="69AE23"/>
      </a:accent1>
      <a:accent2>
        <a:srgbClr val="7CBDC1"/>
      </a:accent2>
      <a:accent3>
        <a:srgbClr val="9D8C57"/>
      </a:accent3>
      <a:accent4>
        <a:srgbClr val="BDCD00"/>
      </a:accent4>
      <a:accent5>
        <a:srgbClr val="0081B7"/>
      </a:accent5>
      <a:accent6>
        <a:srgbClr val="D6A026"/>
      </a:accent6>
      <a:hlink>
        <a:srgbClr val="000000"/>
      </a:hlink>
      <a:folHlink>
        <a:srgbClr val="000000"/>
      </a:folHlink>
    </a:clrScheme>
    <a:fontScheme name="Custom Design">
      <a:majorFont>
        <a:latin typeface="Tahoma"/>
        <a:ea typeface=""/>
        <a:cs typeface=""/>
      </a:majorFont>
      <a:minorFont>
        <a:latin typeface="Tahom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xfrm>
          <a:off x="0" y="0"/>
          <a:ext cx="1" cy="1"/>
        </a:xfrm>
        <a:custGeom>
          <a:avLst/>
          <a:gdLst/>
          <a:ahLst/>
          <a:cxnLst/>
          <a:rect l="0" t="0" r="0" b="0"/>
          <a:pathLst/>
        </a:custGeom>
        <a:noFill/>
        <a:ln w="9525" cap="flat" cmpd="sng" algn="ctr">
          <a:noFill/>
          <a:prstDash val="solid"/>
          <a:round/>
          <a:headEnd type="none" w="med" len="med"/>
          <a:tailEnd type="none" w="med" len="med"/>
        </a:ln>
        <a:effec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90000"/>
          </a:lnSpc>
          <a:spcBef>
            <a:spcPct val="0"/>
          </a:spcBef>
          <a:spcAft>
            <a:spcPct val="0"/>
          </a:spcAft>
          <a:buClrTx/>
          <a:buSzTx/>
          <a:buFontTx/>
          <a:buNone/>
          <a:tabLst/>
          <a:defRPr kumimoji="0" lang="de-DE" sz="3200" b="0" i="0" u="none" strike="noStrike" cap="none" normalizeH="0" baseline="0" smtClean="0">
            <a:ln>
              <a:noFill/>
            </a:ln>
            <a:solidFill>
              <a:schemeClr val="tx1"/>
            </a:solidFill>
            <a:effectLst/>
            <a:latin typeface="Tahoma" pitchFamily="34" charset="0"/>
          </a:defRPr>
        </a:defPPr>
      </a:lstStyle>
    </a:spDef>
    <a:lnDef>
      <a:spPr bwMode="auto">
        <a:xfrm>
          <a:off x="0" y="0"/>
          <a:ext cx="1" cy="1"/>
        </a:xfrm>
        <a:custGeom>
          <a:avLst/>
          <a:gdLst/>
          <a:ahLst/>
          <a:cxnLst/>
          <a:rect l="0" t="0" r="0" b="0"/>
          <a:pathLst/>
        </a:custGeom>
        <a:noFill/>
        <a:ln w="9525" cap="flat" cmpd="sng" algn="ctr">
          <a:noFill/>
          <a:prstDash val="solid"/>
          <a:round/>
          <a:headEnd type="none" w="med" len="med"/>
          <a:tailEnd type="none" w="med" len="med"/>
        </a:ln>
        <a:effectLst/>
      </a:spPr>
      <a:bodyPr vert="horz" wrap="square" lIns="0" tIns="0" rIns="0" bIns="0" numCol="1" anchor="t" anchorCtr="0" compatLnSpc="1">
        <a:prstTxWarp prst="textNoShape">
          <a:avLst/>
        </a:prstTxWarp>
      </a:bodyPr>
      <a:lstStyle>
        <a:defPPr marL="0" marR="0" indent="0" algn="l" defTabSz="914400" rtl="0" eaLnBrk="1" fontAlgn="base" latinLnBrk="0" hangingPunct="1">
          <a:lnSpc>
            <a:spcPct val="90000"/>
          </a:lnSpc>
          <a:spcBef>
            <a:spcPct val="0"/>
          </a:spcBef>
          <a:spcAft>
            <a:spcPct val="0"/>
          </a:spcAft>
          <a:buClrTx/>
          <a:buSzTx/>
          <a:buFontTx/>
          <a:buNone/>
          <a:tabLst/>
          <a:defRPr kumimoji="0" lang="de-DE" sz="3200" b="0" i="0" u="none" strike="noStrike" cap="none" normalizeH="0" baseline="0" smtClean="0">
            <a:ln>
              <a:noFill/>
            </a:ln>
            <a:solidFill>
              <a:schemeClr val="tx1"/>
            </a:solidFill>
            <a:effectLst/>
            <a:latin typeface="Tahoma" pitchFamily="34" charset="0"/>
          </a:defRPr>
        </a:defPPr>
      </a:lstStyle>
    </a:lnDef>
  </a:objectDefaults>
  <a:extraClrSchemeLst>
    <a:extraClrScheme>
      <a:clrScheme name="Custom Design 1">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clrMap bg1="lt1" tx1="dk1" bg2="lt2" tx2="dk2" accent1="accent1" accent2="accent2" accent3="accent3" accent4="accent4" accent5="accent5" accent6="accent6" hlink="hlink" folHlink="folHlink"/>
    </a:extraClrScheme>
    <a:extraClrScheme>
      <a:clrScheme name="Custom Design 2">
        <a:dk1>
          <a:srgbClr val="000000"/>
        </a:dk1>
        <a:lt1>
          <a:srgbClr val="FFFFFF"/>
        </a:lt1>
        <a:dk2>
          <a:srgbClr val="000000"/>
        </a:dk2>
        <a:lt2>
          <a:srgbClr val="969696"/>
        </a:lt2>
        <a:accent1>
          <a:srgbClr val="FBDF53"/>
        </a:accent1>
        <a:accent2>
          <a:srgbClr val="FF9966"/>
        </a:accent2>
        <a:accent3>
          <a:srgbClr val="FFFFFF"/>
        </a:accent3>
        <a:accent4>
          <a:srgbClr val="000000"/>
        </a:accent4>
        <a:accent5>
          <a:srgbClr val="FDECB3"/>
        </a:accent5>
        <a:accent6>
          <a:srgbClr val="E78A5C"/>
        </a:accent6>
        <a:hlink>
          <a:srgbClr val="CC3300"/>
        </a:hlink>
        <a:folHlink>
          <a:srgbClr val="996600"/>
        </a:folHlink>
      </a:clrScheme>
      <a:clrMap bg1="lt1" tx1="dk1" bg2="lt2" tx2="dk2" accent1="accent1" accent2="accent2" accent3="accent3" accent4="accent4" accent5="accent5" accent6="accent6" hlink="hlink" folHlink="folHlink"/>
    </a:extraClrScheme>
    <a:extraClrScheme>
      <a:clrScheme name="Custom Design 3">
        <a:dk1>
          <a:srgbClr val="000000"/>
        </a:dk1>
        <a:lt1>
          <a:srgbClr val="FFFFFF"/>
        </a:lt1>
        <a:dk2>
          <a:srgbClr val="000000"/>
        </a:dk2>
        <a:lt2>
          <a:srgbClr val="808080"/>
        </a:lt2>
        <a:accent1>
          <a:srgbClr val="99CCFF"/>
        </a:accent1>
        <a:accent2>
          <a:srgbClr val="CCCCFF"/>
        </a:accent2>
        <a:accent3>
          <a:srgbClr val="FFFFFF"/>
        </a:accent3>
        <a:accent4>
          <a:srgbClr val="000000"/>
        </a:accent4>
        <a:accent5>
          <a:srgbClr val="CAE2FF"/>
        </a:accent5>
        <a:accent6>
          <a:srgbClr val="B9B9E7"/>
        </a:accent6>
        <a:hlink>
          <a:srgbClr val="3333CC"/>
        </a:hlink>
        <a:folHlink>
          <a:srgbClr val="AF67FF"/>
        </a:folHlink>
      </a:clrScheme>
      <a:clrMap bg1="lt1" tx1="dk1" bg2="lt2" tx2="dk2" accent1="accent1" accent2="accent2" accent3="accent3" accent4="accent4" accent5="accent5" accent6="accent6" hlink="hlink" folHlink="folHlink"/>
    </a:extraClrScheme>
    <a:extraClrScheme>
      <a:clrScheme name="Custom Design 4">
        <a:dk1>
          <a:srgbClr val="000000"/>
        </a:dk1>
        <a:lt1>
          <a:srgbClr val="DEF6F1"/>
        </a:lt1>
        <a:dk2>
          <a:srgbClr val="000000"/>
        </a:dk2>
        <a:lt2>
          <a:srgbClr val="969696"/>
        </a:lt2>
        <a:accent1>
          <a:srgbClr val="FFFFFF"/>
        </a:accent1>
        <a:accent2>
          <a:srgbClr val="8DC6FF"/>
        </a:accent2>
        <a:accent3>
          <a:srgbClr val="ECFAF7"/>
        </a:accent3>
        <a:accent4>
          <a:srgbClr val="000000"/>
        </a:accent4>
        <a:accent5>
          <a:srgbClr val="FFFFFF"/>
        </a:accent5>
        <a:accent6>
          <a:srgbClr val="7FB3E7"/>
        </a:accent6>
        <a:hlink>
          <a:srgbClr val="0066CC"/>
        </a:hlink>
        <a:folHlink>
          <a:srgbClr val="00A800"/>
        </a:folHlink>
      </a:clrScheme>
      <a:clrMap bg1="lt1" tx1="dk1" bg2="lt2" tx2="dk2" accent1="accent1" accent2="accent2" accent3="accent3" accent4="accent4" accent5="accent5" accent6="accent6" hlink="hlink" folHlink="folHlink"/>
    </a:extraClrScheme>
    <a:extraClrScheme>
      <a:clrScheme name="Custom Design 5">
        <a:dk1>
          <a:srgbClr val="000000"/>
        </a:dk1>
        <a:lt1>
          <a:srgbClr val="FFFFD9"/>
        </a:lt1>
        <a:dk2>
          <a:srgbClr val="000000"/>
        </a:dk2>
        <a:lt2>
          <a:srgbClr val="777777"/>
        </a:lt2>
        <a:accent1>
          <a:srgbClr val="FFFFF7"/>
        </a:accent1>
        <a:accent2>
          <a:srgbClr val="33CCCC"/>
        </a:accent2>
        <a:accent3>
          <a:srgbClr val="FFFFE9"/>
        </a:accent3>
        <a:accent4>
          <a:srgbClr val="000000"/>
        </a:accent4>
        <a:accent5>
          <a:srgbClr val="FFFFFA"/>
        </a:accent5>
        <a:accent6>
          <a:srgbClr val="2DB9B9"/>
        </a:accent6>
        <a:hlink>
          <a:srgbClr val="FF5050"/>
        </a:hlink>
        <a:folHlink>
          <a:srgbClr val="FF9900"/>
        </a:folHlink>
      </a:clrScheme>
      <a:clrMap bg1="lt1" tx1="dk1" bg2="lt2" tx2="dk2" accent1="accent1" accent2="accent2" accent3="accent3" accent4="accent4" accent5="accent5" accent6="accent6" hlink="hlink" folHlink="folHlink"/>
    </a:extraClrScheme>
    <a:extraClrScheme>
      <a:clrScheme name="Custom Design 6">
        <a:dk1>
          <a:srgbClr val="005A58"/>
        </a:dk1>
        <a:lt1>
          <a:srgbClr val="FFFFFF"/>
        </a:lt1>
        <a:dk2>
          <a:srgbClr val="008080"/>
        </a:dk2>
        <a:lt2>
          <a:srgbClr val="FFFF99"/>
        </a:lt2>
        <a:accent1>
          <a:srgbClr val="006462"/>
        </a:accent1>
        <a:accent2>
          <a:srgbClr val="6D6FC7"/>
        </a:accent2>
        <a:accent3>
          <a:srgbClr val="AAC0C0"/>
        </a:accent3>
        <a:accent4>
          <a:srgbClr val="DADADA"/>
        </a:accent4>
        <a:accent5>
          <a:srgbClr val="AAB8B7"/>
        </a:accent5>
        <a:accent6>
          <a:srgbClr val="6264B4"/>
        </a:accent6>
        <a:hlink>
          <a:srgbClr val="00FFFF"/>
        </a:hlink>
        <a:folHlink>
          <a:srgbClr val="00FF00"/>
        </a:folHlink>
      </a:clrScheme>
      <a:clrMap bg1="dk2" tx1="lt1" bg2="dk1" tx2="lt2" accent1="accent1" accent2="accent2" accent3="accent3" accent4="accent4" accent5="accent5" accent6="accent6" hlink="hlink" folHlink="folHlink"/>
    </a:extraClrScheme>
    <a:extraClrScheme>
      <a:clrScheme name="Custom Design 7">
        <a:dk1>
          <a:srgbClr val="5C1F00"/>
        </a:dk1>
        <a:lt1>
          <a:srgbClr val="FFFFFF"/>
        </a:lt1>
        <a:dk2>
          <a:srgbClr val="800000"/>
        </a:dk2>
        <a:lt2>
          <a:srgbClr val="DFD293"/>
        </a:lt2>
        <a:accent1>
          <a:srgbClr val="CC3300"/>
        </a:accent1>
        <a:accent2>
          <a:srgbClr val="BE7960"/>
        </a:accent2>
        <a:accent3>
          <a:srgbClr val="C0AAAA"/>
        </a:accent3>
        <a:accent4>
          <a:srgbClr val="DADADA"/>
        </a:accent4>
        <a:accent5>
          <a:srgbClr val="E2ADAA"/>
        </a:accent5>
        <a:accent6>
          <a:srgbClr val="AC6D56"/>
        </a:accent6>
        <a:hlink>
          <a:srgbClr val="FFFF99"/>
        </a:hlink>
        <a:folHlink>
          <a:srgbClr val="D3A219"/>
        </a:folHlink>
      </a:clrScheme>
      <a:clrMap bg1="dk2" tx1="lt1" bg2="dk1" tx2="lt2" accent1="accent1" accent2="accent2" accent3="accent3" accent4="accent4" accent5="accent5" accent6="accent6" hlink="hlink" folHlink="folHlink"/>
    </a:extraClrScheme>
    <a:extraClrScheme>
      <a:clrScheme name="Custom Design 8">
        <a:dk1>
          <a:srgbClr val="003366"/>
        </a:dk1>
        <a:lt1>
          <a:srgbClr val="FFFFFF"/>
        </a:lt1>
        <a:dk2>
          <a:srgbClr val="000099"/>
        </a:dk2>
        <a:lt2>
          <a:srgbClr val="CCFFFF"/>
        </a:lt2>
        <a:accent1>
          <a:srgbClr val="3366CC"/>
        </a:accent1>
        <a:accent2>
          <a:srgbClr val="00B000"/>
        </a:accent2>
        <a:accent3>
          <a:srgbClr val="AAAACA"/>
        </a:accent3>
        <a:accent4>
          <a:srgbClr val="DADADA"/>
        </a:accent4>
        <a:accent5>
          <a:srgbClr val="ADB8E2"/>
        </a:accent5>
        <a:accent6>
          <a:srgbClr val="009F00"/>
        </a:accent6>
        <a:hlink>
          <a:srgbClr val="66CCFF"/>
        </a:hlink>
        <a:folHlink>
          <a:srgbClr val="FFE701"/>
        </a:folHlink>
      </a:clrScheme>
      <a:clrMap bg1="dk2" tx1="lt1" bg2="dk1" tx2="lt2" accent1="accent1" accent2="accent2" accent3="accent3" accent4="accent4" accent5="accent5" accent6="accent6" hlink="hlink" folHlink="folHlink"/>
    </a:extraClrScheme>
    <a:extraClrScheme>
      <a:clrScheme name="Custom Design 9">
        <a:dk1>
          <a:srgbClr val="336699"/>
        </a:dk1>
        <a:lt1>
          <a:srgbClr val="FFFFFF"/>
        </a:lt1>
        <a:dk2>
          <a:srgbClr val="000000"/>
        </a:dk2>
        <a:lt2>
          <a:srgbClr val="E3EBF1"/>
        </a:lt2>
        <a:accent1>
          <a:srgbClr val="003399"/>
        </a:accent1>
        <a:accent2>
          <a:srgbClr val="468A4B"/>
        </a:accent2>
        <a:accent3>
          <a:srgbClr val="AAAAAA"/>
        </a:accent3>
        <a:accent4>
          <a:srgbClr val="DADADA"/>
        </a:accent4>
        <a:accent5>
          <a:srgbClr val="AAADCA"/>
        </a:accent5>
        <a:accent6>
          <a:srgbClr val="3F7D43"/>
        </a:accent6>
        <a:hlink>
          <a:srgbClr val="66CCFF"/>
        </a:hlink>
        <a:folHlink>
          <a:srgbClr val="F0E500"/>
        </a:folHlink>
      </a:clrScheme>
      <a:clrMap bg1="dk2" tx1="lt1" bg2="dk1" tx2="lt2" accent1="accent1" accent2="accent2" accent3="accent3" accent4="accent4" accent5="accent5" accent6="accent6" hlink="hlink" folHlink="folHlink"/>
    </a:extraClrScheme>
    <a:extraClrScheme>
      <a:clrScheme name="Custom Design 10">
        <a:dk1>
          <a:srgbClr val="777777"/>
        </a:dk1>
        <a:lt1>
          <a:srgbClr val="FFFFFF"/>
        </a:lt1>
        <a:dk2>
          <a:srgbClr val="686B5D"/>
        </a:dk2>
        <a:lt2>
          <a:srgbClr val="D1D1CB"/>
        </a:lt2>
        <a:accent1>
          <a:srgbClr val="909082"/>
        </a:accent1>
        <a:accent2>
          <a:srgbClr val="809EA8"/>
        </a:accent2>
        <a:accent3>
          <a:srgbClr val="B9BAB6"/>
        </a:accent3>
        <a:accent4>
          <a:srgbClr val="DADADA"/>
        </a:accent4>
        <a:accent5>
          <a:srgbClr val="C6C6C1"/>
        </a:accent5>
        <a:accent6>
          <a:srgbClr val="738F98"/>
        </a:accent6>
        <a:hlink>
          <a:srgbClr val="FFCC66"/>
        </a:hlink>
        <a:folHlink>
          <a:srgbClr val="E9DCB9"/>
        </a:folHlink>
      </a:clrScheme>
      <a:clrMap bg1="dk2" tx1="lt1" bg2="dk1" tx2="lt2" accent1="accent1" accent2="accent2" accent3="accent3" accent4="accent4" accent5="accent5" accent6="accent6" hlink="hlink" folHlink="folHlink"/>
    </a:extraClrScheme>
    <a:extraClrScheme>
      <a:clrScheme name="Custom Design 11">
        <a:dk1>
          <a:srgbClr val="3E3E5C"/>
        </a:dk1>
        <a:lt1>
          <a:srgbClr val="FFFFFF"/>
        </a:lt1>
        <a:dk2>
          <a:srgbClr val="666699"/>
        </a:dk2>
        <a:lt2>
          <a:srgbClr val="FFFFFF"/>
        </a:lt2>
        <a:accent1>
          <a:srgbClr val="60597B"/>
        </a:accent1>
        <a:accent2>
          <a:srgbClr val="6666FF"/>
        </a:accent2>
        <a:accent3>
          <a:srgbClr val="B8B8CA"/>
        </a:accent3>
        <a:accent4>
          <a:srgbClr val="DADADA"/>
        </a:accent4>
        <a:accent5>
          <a:srgbClr val="B6B5BF"/>
        </a:accent5>
        <a:accent6>
          <a:srgbClr val="5C5CE7"/>
        </a:accent6>
        <a:hlink>
          <a:srgbClr val="99CCFF"/>
        </a:hlink>
        <a:folHlink>
          <a:srgbClr val="FFFF99"/>
        </a:folHlink>
      </a:clrScheme>
      <a:clrMap bg1="dk2" tx1="lt1" bg2="dk1" tx2="lt2" accent1="accent1" accent2="accent2" accent3="accent3" accent4="accent4" accent5="accent5" accent6="accent6" hlink="hlink" folHlink="folHlink"/>
    </a:extraClrScheme>
    <a:extraClrScheme>
      <a:clrScheme name="Custom Design 12">
        <a:dk1>
          <a:srgbClr val="2D2015"/>
        </a:dk1>
        <a:lt1>
          <a:srgbClr val="FFFFFF"/>
        </a:lt1>
        <a:dk2>
          <a:srgbClr val="523E26"/>
        </a:dk2>
        <a:lt2>
          <a:srgbClr val="DFC08D"/>
        </a:lt2>
        <a:accent1>
          <a:srgbClr val="8C7B70"/>
        </a:accent1>
        <a:accent2>
          <a:srgbClr val="8F5F2F"/>
        </a:accent2>
        <a:accent3>
          <a:srgbClr val="B3AFAC"/>
        </a:accent3>
        <a:accent4>
          <a:srgbClr val="DADADA"/>
        </a:accent4>
        <a:accent5>
          <a:srgbClr val="C5BFBB"/>
        </a:accent5>
        <a:accent6>
          <a:srgbClr val="81552A"/>
        </a:accent6>
        <a:hlink>
          <a:srgbClr val="CCB400"/>
        </a:hlink>
        <a:folHlink>
          <a:srgbClr val="8C9EA0"/>
        </a:folHlink>
      </a:clrScheme>
      <a:clrMap bg1="dk2" tx1="lt1" bg2="dk1" tx2="lt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Training.potx" id="{7FE58D3C-B122-4504-AAE9-CD1E55F170CE}" vid="{23F12FDA-90BB-419B-8475-94A0E264A9F6}"/>
    </a:ext>
  </a:ext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00.xml.rels><?xml version="1.0" encoding="UTF-8" standalone="yes"?>
<Relationships xmlns="http://schemas.openxmlformats.org/package/2006/relationships"><Relationship Id="rId1" Type="http://schemas.openxmlformats.org/officeDocument/2006/relationships/customXmlProps" Target="itemProps100.xml"/></Relationships>
</file>

<file path=customXml/_rels/item101.xml.rels><?xml version="1.0" encoding="UTF-8" standalone="yes"?>
<Relationships xmlns="http://schemas.openxmlformats.org/package/2006/relationships"><Relationship Id="rId1" Type="http://schemas.openxmlformats.org/officeDocument/2006/relationships/customXmlProps" Target="itemProps101.xml"/></Relationships>
</file>

<file path=customXml/_rels/item102.xml.rels><?xml version="1.0" encoding="UTF-8" standalone="yes"?>
<Relationships xmlns="http://schemas.openxmlformats.org/package/2006/relationships"><Relationship Id="rId1" Type="http://schemas.openxmlformats.org/officeDocument/2006/relationships/customXmlProps" Target="itemProps102.xml"/></Relationships>
</file>

<file path=customXml/_rels/item103.xml.rels><?xml version="1.0" encoding="UTF-8" standalone="yes"?>
<Relationships xmlns="http://schemas.openxmlformats.org/package/2006/relationships"><Relationship Id="rId1" Type="http://schemas.openxmlformats.org/officeDocument/2006/relationships/customXmlProps" Target="itemProps103.xml"/></Relationships>
</file>

<file path=customXml/_rels/item104.xml.rels><?xml version="1.0" encoding="UTF-8" standalone="yes"?>
<Relationships xmlns="http://schemas.openxmlformats.org/package/2006/relationships"><Relationship Id="rId1" Type="http://schemas.openxmlformats.org/officeDocument/2006/relationships/customXmlProps" Target="itemProps104.xml"/></Relationships>
</file>

<file path=customXml/_rels/item105.xml.rels><?xml version="1.0" encoding="UTF-8" standalone="yes"?>
<Relationships xmlns="http://schemas.openxmlformats.org/package/2006/relationships"><Relationship Id="rId1" Type="http://schemas.openxmlformats.org/officeDocument/2006/relationships/customXmlProps" Target="itemProps105.xml"/></Relationships>
</file>

<file path=customXml/_rels/item106.xml.rels><?xml version="1.0" encoding="UTF-8" standalone="yes"?>
<Relationships xmlns="http://schemas.openxmlformats.org/package/2006/relationships"><Relationship Id="rId1" Type="http://schemas.openxmlformats.org/officeDocument/2006/relationships/customXmlProps" Target="itemProps106.xml"/></Relationships>
</file>

<file path=customXml/_rels/item107.xml.rels><?xml version="1.0" encoding="UTF-8" standalone="yes"?>
<Relationships xmlns="http://schemas.openxmlformats.org/package/2006/relationships"><Relationship Id="rId1" Type="http://schemas.openxmlformats.org/officeDocument/2006/relationships/customXmlProps" Target="itemProps107.xml"/></Relationships>
</file>

<file path=customXml/_rels/item108.xml.rels><?xml version="1.0" encoding="UTF-8" standalone="yes"?>
<Relationships xmlns="http://schemas.openxmlformats.org/package/2006/relationships"><Relationship Id="rId1" Type="http://schemas.openxmlformats.org/officeDocument/2006/relationships/customXmlProps" Target="itemProps108.xml"/></Relationships>
</file>

<file path=customXml/_rels/item109.xml.rels><?xml version="1.0" encoding="UTF-8" standalone="yes"?>
<Relationships xmlns="http://schemas.openxmlformats.org/package/2006/relationships"><Relationship Id="rId1" Type="http://schemas.openxmlformats.org/officeDocument/2006/relationships/customXmlProps" Target="itemProps109.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10.xml.rels><?xml version="1.0" encoding="UTF-8" standalone="yes"?>
<Relationships xmlns="http://schemas.openxmlformats.org/package/2006/relationships"><Relationship Id="rId1" Type="http://schemas.openxmlformats.org/officeDocument/2006/relationships/customXmlProps" Target="itemProps110.xml"/></Relationships>
</file>

<file path=customXml/_rels/item111.xml.rels><?xml version="1.0" encoding="UTF-8" standalone="yes"?>
<Relationships xmlns="http://schemas.openxmlformats.org/package/2006/relationships"><Relationship Id="rId1" Type="http://schemas.openxmlformats.org/officeDocument/2006/relationships/customXmlProps" Target="itemProps111.xml"/></Relationships>
</file>

<file path=customXml/_rels/item112.xml.rels><?xml version="1.0" encoding="UTF-8" standalone="yes"?>
<Relationships xmlns="http://schemas.openxmlformats.org/package/2006/relationships"><Relationship Id="rId1" Type="http://schemas.openxmlformats.org/officeDocument/2006/relationships/customXmlProps" Target="itemProps112.xml"/></Relationships>
</file>

<file path=customXml/_rels/item113.xml.rels><?xml version="1.0" encoding="UTF-8" standalone="yes"?>
<Relationships xmlns="http://schemas.openxmlformats.org/package/2006/relationships"><Relationship Id="rId1" Type="http://schemas.openxmlformats.org/officeDocument/2006/relationships/customXmlProps" Target="itemProps113.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_rels/item92.xml.rels><?xml version="1.0" encoding="UTF-8" standalone="yes"?>
<Relationships xmlns="http://schemas.openxmlformats.org/package/2006/relationships"><Relationship Id="rId1" Type="http://schemas.openxmlformats.org/officeDocument/2006/relationships/customXmlProps" Target="itemProps92.xml"/></Relationships>
</file>

<file path=customXml/_rels/item93.xml.rels><?xml version="1.0" encoding="UTF-8" standalone="yes"?>
<Relationships xmlns="http://schemas.openxmlformats.org/package/2006/relationships"><Relationship Id="rId1" Type="http://schemas.openxmlformats.org/officeDocument/2006/relationships/customXmlProps" Target="itemProps93.xml"/></Relationships>
</file>

<file path=customXml/_rels/item94.xml.rels><?xml version="1.0" encoding="UTF-8" standalone="yes"?>
<Relationships xmlns="http://schemas.openxmlformats.org/package/2006/relationships"><Relationship Id="rId1" Type="http://schemas.openxmlformats.org/officeDocument/2006/relationships/customXmlProps" Target="itemProps94.xml"/></Relationships>
</file>

<file path=customXml/_rels/item95.xml.rels><?xml version="1.0" encoding="UTF-8" standalone="yes"?>
<Relationships xmlns="http://schemas.openxmlformats.org/package/2006/relationships"><Relationship Id="rId1" Type="http://schemas.openxmlformats.org/officeDocument/2006/relationships/customXmlProps" Target="itemProps95.xml"/></Relationships>
</file>

<file path=customXml/_rels/item96.xml.rels><?xml version="1.0" encoding="UTF-8" standalone="yes"?>
<Relationships xmlns="http://schemas.openxmlformats.org/package/2006/relationships"><Relationship Id="rId1" Type="http://schemas.openxmlformats.org/officeDocument/2006/relationships/customXmlProps" Target="itemProps96.xml"/></Relationships>
</file>

<file path=customXml/_rels/item97.xml.rels><?xml version="1.0" encoding="UTF-8" standalone="yes"?>
<Relationships xmlns="http://schemas.openxmlformats.org/package/2006/relationships"><Relationship Id="rId1" Type="http://schemas.openxmlformats.org/officeDocument/2006/relationships/customXmlProps" Target="itemProps97.xml"/></Relationships>
</file>

<file path=customXml/_rels/item98.xml.rels><?xml version="1.0" encoding="UTF-8" standalone="yes"?>
<Relationships xmlns="http://schemas.openxmlformats.org/package/2006/relationships"><Relationship Id="rId1" Type="http://schemas.openxmlformats.org/officeDocument/2006/relationships/customXmlProps" Target="itemProps98.xml"/></Relationships>
</file>

<file path=customXml/_rels/item99.xml.rels><?xml version="1.0" encoding="UTF-8" standalone="yes"?>
<Relationships xmlns="http://schemas.openxmlformats.org/package/2006/relationships"><Relationship Id="rId1" Type="http://schemas.openxmlformats.org/officeDocument/2006/relationships/customXmlProps" Target="itemProps99.xml"/></Relationships>
</file>

<file path=customXml/item1.xml><?xml version="1.0" encoding="utf-8"?>
<TemplafySlideFormConfiguration><![CDATA[{"formFields":[],"formDataEntries":[]}]]></TemplafySlideForm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0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01.xml><?xml version="1.0" encoding="utf-8"?>
<TemplafySlideFormConfiguration><![CDATA[{"formFields":[],"formDataEntries":[]}]]></TemplafySlideFormConfiguration>
</file>

<file path=customXml/item102.xml><?xml version="1.0" encoding="utf-8"?>
<TemplafySlideFormConfiguration><![CDATA[{"formFields":[],"formDataEntries":[]}]]></TemplafySlideFormConfiguration>
</file>

<file path=customXml/item10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04.xml><?xml version="1.0" encoding="utf-8"?>
<TemplafySlideFormConfiguration><![CDATA[{"formFields":[],"formDataEntries":[]}]]></TemplafySlideFormConfiguration>
</file>

<file path=customXml/item105.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0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07.xml><?xml version="1.0" encoding="utf-8"?>
<TemplafySlideFormConfiguration><![CDATA[{"formFields":[],"formDataEntries":[]}]]></TemplafySlideFormConfiguration>
</file>

<file path=customXml/item108.xml><?xml version="1.0" encoding="utf-8"?>
<TemplafySlideFormConfiguration><![CDATA[{"formFields":[],"formDataEntries":[]}]]></TemplafySlideFormConfiguration>
</file>

<file path=customXml/item10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xml><?xml version="1.0" encoding="utf-8"?>
<TemplafySlideFormConfiguration><![CDATA[{"formFields":[],"formDataEntries":[]}]]></TemplafySlideFormConfiguration>
</file>

<file path=customXml/item1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3.xml><?xml version="1.0" encoding="utf-8"?>
<ct:contentTypeSchema xmlns:ct="http://schemas.microsoft.com/office/2006/metadata/contentType" xmlns:ma="http://schemas.microsoft.com/office/2006/metadata/properties/metaAttributes" ct:_="" ma:_="" ma:contentTypeName="Dokument" ma:contentTypeID="0x01010040FC9AD8B277B54AA71C087203AAFD43" ma:contentTypeVersion="15" ma:contentTypeDescription="Opret et nyt dokument." ma:contentTypeScope="" ma:versionID="b87820260156b1b9decb153c881308e3">
  <xsd:schema xmlns:xsd="http://www.w3.org/2001/XMLSchema" xmlns:xs="http://www.w3.org/2001/XMLSchema" xmlns:p="http://schemas.microsoft.com/office/2006/metadata/properties" xmlns:ns3="1e9f7756-6776-4f12-a35d-9ad90a26e5d5" xmlns:ns4="d6765637-0a55-452e-9b7f-8600ea481fa2" targetNamespace="http://schemas.microsoft.com/office/2006/metadata/properties" ma:root="true" ma:fieldsID="2e346f83201aad30c45ca230cfc3ffa3" ns3:_="" ns4:_="">
    <xsd:import namespace="1e9f7756-6776-4f12-a35d-9ad90a26e5d5"/>
    <xsd:import namespace="d6765637-0a55-452e-9b7f-8600ea481fa2"/>
    <xsd:element name="properties">
      <xsd:complexType>
        <xsd:sequence>
          <xsd:element name="documentManagement">
            <xsd:complexType>
              <xsd:all>
                <xsd:element ref="ns3:MediaServiceMetadata" minOccurs="0"/>
                <xsd:element ref="ns3:MediaServiceFastMetadata" minOccurs="0"/>
                <xsd:element ref="ns4:SharedWithUsers" minOccurs="0"/>
                <xsd:element ref="ns4:SharedWithDetails" minOccurs="0"/>
                <xsd:element ref="ns4:SharingHintHash" minOccurs="0"/>
                <xsd:element ref="ns3:MediaServiceDateTaken" minOccurs="0"/>
                <xsd:element ref="ns3:MediaServiceAutoTags" minOccurs="0"/>
                <xsd:element ref="ns3:MediaLengthInSeconds" minOccurs="0"/>
                <xsd:element ref="ns3:MediaServiceAutoKeyPoints" minOccurs="0"/>
                <xsd:element ref="ns3:MediaServiceKeyPoints" minOccurs="0"/>
                <xsd:element ref="ns3:MediaServiceOCR" minOccurs="0"/>
                <xsd:element ref="ns3:MediaServiceGenerationTime" minOccurs="0"/>
                <xsd:element ref="ns3:MediaServiceEventHashCode" minOccurs="0"/>
                <xsd:element ref="ns3:_activity" minOccurs="0"/>
                <xsd:element ref="ns3: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e9f7756-6776-4f12-a35d-9ad90a26e5d5"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3" nillable="true" ma:displayName="MediaServiceDateTaken" ma:hidden="true" ma:internalName="MediaServiceDateTaken" ma:readOnly="true">
      <xsd:simpleType>
        <xsd:restriction base="dms:Text"/>
      </xsd:simpleType>
    </xsd:element>
    <xsd:element name="MediaServiceAutoTags" ma:index="14" nillable="true" ma:displayName="Tags" ma:internalName="MediaServiceAutoTags" ma:readOnly="true">
      <xsd:simpleType>
        <xsd:restriction base="dms:Text"/>
      </xsd:simpleType>
    </xsd:element>
    <xsd:element name="MediaLengthInSeconds" ma:index="15" nillable="true" ma:displayName="MediaLengthInSeconds" ma:hidden="true" ma:internalName="MediaLengthInSeconds" ma:readOnly="true">
      <xsd:simpleType>
        <xsd:restriction base="dms:Unknown"/>
      </xsd:simpleType>
    </xsd:element>
    <xsd:element name="MediaServiceAutoKeyPoints" ma:index="16" nillable="true" ma:displayName="MediaServiceAutoKeyPoints" ma:hidden="true" ma:internalName="MediaServiceAutoKeyPoints" ma:readOnly="true">
      <xsd:simpleType>
        <xsd:restriction base="dms:Note"/>
      </xsd:simpleType>
    </xsd:element>
    <xsd:element name="MediaServiceKeyPoints" ma:index="17" nillable="true" ma:displayName="KeyPoints" ma:internalName="MediaServiceKeyPoints" ma:readOnly="true">
      <xsd:simpleType>
        <xsd:restriction base="dms:Note">
          <xsd:maxLength value="255"/>
        </xsd:restriction>
      </xsd:simpleType>
    </xsd:element>
    <xsd:element name="MediaServiceOCR" ma:index="18" nillable="true" ma:displayName="Extracted Text" ma:internalName="MediaServiceOCR" ma:readOnly="true">
      <xsd:simpleType>
        <xsd:restriction base="dms:Note">
          <xsd:maxLength value="255"/>
        </xsd:restriction>
      </xsd:simpleType>
    </xsd:element>
    <xsd:element name="MediaServiceGenerationTime" ma:index="19" nillable="true" ma:displayName="MediaServiceGenerationTime" ma:hidden="true" ma:internalName="MediaServiceGenerationTime" ma:readOnly="true">
      <xsd:simpleType>
        <xsd:restriction base="dms:Text"/>
      </xsd:simpleType>
    </xsd:element>
    <xsd:element name="MediaServiceEventHashCode" ma:index="20" nillable="true" ma:displayName="MediaServiceEventHashCode" ma:hidden="true" ma:internalName="MediaServiceEventHashCode" ma:readOnly="true">
      <xsd:simpleType>
        <xsd:restriction base="dms:Text"/>
      </xsd:simpleType>
    </xsd:element>
    <xsd:element name="_activity" ma:index="21" nillable="true" ma:displayName="_activity" ma:hidden="true" ma:internalName="_activity">
      <xsd:simpleType>
        <xsd:restriction base="dms:Note"/>
      </xsd:simpleType>
    </xsd:element>
    <xsd:element name="MediaServiceObjectDetectorVersions" ma:index="22" nillable="true" ma:displayName="MediaServiceObjectDetectorVersions"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d6765637-0a55-452e-9b7f-8600ea481fa2" elementFormDefault="qualified">
    <xsd:import namespace="http://schemas.microsoft.com/office/2006/documentManagement/types"/>
    <xsd:import namespace="http://schemas.microsoft.com/office/infopath/2007/PartnerControls"/>
    <xsd:element name="SharedWithUsers" ma:index="10"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1" nillable="true" ma:displayName="Delt med detaljer" ma:internalName="SharedWithDetails" ma:readOnly="true">
      <xsd:simpleType>
        <xsd:restriction base="dms:Note">
          <xsd:maxLength value="255"/>
        </xsd:restriction>
      </xsd:simpleType>
    </xsd:element>
    <xsd:element name="SharingHintHash" ma:index="12" nillable="true" ma:displayName="Hashværdi for deling"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6.xml><?xml version="1.0" encoding="utf-8"?>
<TemplafySlideFormConfiguration><![CDATA[{"formFields":[],"formDataEntries":[]}]]></TemplafySlideFormConfiguration>
</file>

<file path=customXml/item17.xml><?xml version="1.0" encoding="utf-8"?>
<p:properties xmlns:p="http://schemas.microsoft.com/office/2006/metadata/properties" xmlns:xsi="http://www.w3.org/2001/XMLSchema-instance" xmlns:pc="http://schemas.microsoft.com/office/infopath/2007/PartnerControls">
  <documentManagement>
    <_activity xmlns="1e9f7756-6776-4f12-a35d-9ad90a26e5d5" xsi:nil="true"/>
  </documentManagement>
</p:properties>
</file>

<file path=customXml/item18.xml><?xml version="1.0" encoding="utf-8"?>
<TemplafySlideFormConfiguration><![CDATA[{"formFields":[],"formDataEntries":[]}]]></TemplafySlideFormConfiguration>
</file>

<file path=customXml/item1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9.xml><?xml version="1.0" encoding="utf-8"?>
<TemplafySlideFormConfiguration><![CDATA[{"formFields":[],"formDataEntries":[]}]]></TemplafySlideForm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4.xml><?xml version="1.0" encoding="utf-8"?>
<TemplafySlideFormConfiguration><![CDATA[{"formFields":[],"formDataEntries":[]}]]></TemplafySlideFormConfiguration>
</file>

<file path=customXml/item3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9.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4.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3.xml><?xml version="1.0" encoding="utf-8"?>
<TemplafySlideFormConfiguration><![CDATA[{"formFields":[],"formDataEntries":[]}]]></TemplafySlideFormConfiguration>
</file>

<file path=customXml/item44.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5.xml><?xml version="1.0" encoding="utf-8"?>
<TemplafySlideFormConfiguration><![CDATA[{"formFields":[],"formDataEntries":[]}]]></TemplafySlideFormConfiguration>
</file>

<file path=customXml/item46.xml><?xml version="1.0" encoding="utf-8"?>
<TemplafySlideFormConfiguration><![CDATA[{"formFields":[],"formDataEntries":[]}]]></TemplafySlideFormConfiguration>
</file>

<file path=customXml/item4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48.xml><?xml version="1.0" encoding="utf-8"?>
<TemplafySlideFormConfiguration><![CDATA[{"formFields":[],"formDataEntries":[]}]]></TemplafySlideFormConfiguration>
</file>

<file path=customXml/item4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5.xml><?xml version="1.0" encoding="utf-8"?>
<TemplafySlideFormConfiguration><![CDATA[{"formFields":[],"formDataEntries":[]}]]></TemplafySlideFormConfiguration>
</file>

<file path=customXml/item50.xml><?xml version="1.0" encoding="utf-8"?>
<TemplafySlideFormConfiguration><![CDATA[{"formFields":[],"formDataEntries":[]}]]></TemplafySlideFormConfiguration>
</file>

<file path=customXml/item51.xml><?xml version="1.0" encoding="utf-8"?>
<TemplafySlideFormConfiguration><![CDATA[{"formFields":[],"formDataEntries":[]}]]></TemplafySlideFormConfiguration>
</file>

<file path=customXml/item52.xml><?xml version="1.0" encoding="utf-8"?>
<TemplafySlideFormConfiguration><![CDATA[{"formFields":[],"formDataEntries":[]}]]></TemplafySlideFormConfiguration>
</file>

<file path=customXml/item53.xml><?xml version="1.0" encoding="utf-8"?>
<TemplafySlideFormConfiguration><![CDATA[{"formFields":[],"formDataEntries":[]}]]></TemplafySlideFormConfiguration>
</file>

<file path=customXml/item54.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55.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56.xml><?xml version="1.0" encoding="utf-8"?>
<TemplafySlideFormConfiguration><![CDATA[{"formFields":[],"formDataEntries":[]}]]></TemplafySlideForm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0.xml><?xml version="1.0" encoding="utf-8"?>
<TemplafySlideFormConfiguration><![CDATA[{"formFields":[],"formDataEntries":[]}]]></TemplafySlideFormConfiguration>
</file>

<file path=customXml/item61.xml><?xml version="1.0" encoding="utf-8"?>
<TemplafySlideFormConfiguration><![CDATA[{"formFields":[],"formDataEntries":[]}]]></TemplafySlideFormConfiguration>
</file>

<file path=customXml/item6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4.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6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7.xml><?xml version="1.0" encoding="utf-8"?>
<?mso-contentType ?>
<FormTemplates xmlns="http://schemas.microsoft.com/sharepoint/v3/contenttype/forms">
  <Display>DocumentLibraryForm</Display>
  <Edit>DocumentLibraryForm</Edit>
  <New>DocumentLibraryForm</New>
</FormTemplates>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FormConfiguration><![CDATA[{"formFields":[],"formDataEntries":[]}]]></TemplafySlideFormConfiguration>
</file>

<file path=customXml/item74.xml><?xml version="1.0" encoding="utf-8"?>
<TemplafySlideFormConfiguration><![CDATA[{"formFields":[],"formDataEntries":[]}]]></TemplafySlideFormConfiguration>
</file>

<file path=customXml/item75.xml><?xml version="1.0" encoding="utf-8"?>
<TemplafySlideFormConfiguration><![CDATA[{"formFields":[],"formDataEntries":[]}]]></TemplafySlideFormConfiguration>
</file>

<file path=customXml/item7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77.xml><?xml version="1.0" encoding="utf-8"?>
<TemplafySlideFormConfiguration><![CDATA[{"formFields":[],"formDataEntries":[]}]]></TemplafySlideFormConfiguration>
</file>

<file path=customXml/item7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79.xml><?xml version="1.0" encoding="utf-8"?>
<TemplafySlideFormConfiguration><![CDATA[{"formFields":[],"formDataEntries":[]}]]></TemplafySlide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4.xml><?xml version="1.0" encoding="utf-8"?>
<TemplafySlideFormConfiguration><![CDATA[{"formFields":[],"formDataEntries":[]}]]></TemplafySlideFormConfiguration>
</file>

<file path=customXml/item8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6.xml><?xml version="1.0" encoding="utf-8"?>
<TemplafySlideFormConfiguration><![CDATA[{"formFields":[],"formDataEntries":[]}]]></TemplafySlideFormConfiguration>
</file>

<file path=customXml/item87.xml><?xml version="1.0" encoding="utf-8"?>
<TemplafySlideFormConfiguration><![CDATA[{"formFields":[],"formDataEntries":[]}]]></TemplafySlideFormConfiguration>
</file>

<file path=customXml/item8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8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xml><?xml version="1.0" encoding="utf-8"?>
<TemplafySlideFormConfiguration><![CDATA[{"formFields":[],"formDataEntries":[]}]]></TemplafySlideFormConfiguration>
</file>

<file path=customXml/item9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1.xml><?xml version="1.0" encoding="utf-8"?>
<TemplafySlideFormConfiguration><![CDATA[{"formFields":[],"formDataEntries":[]}]]></TemplafySlideFormConfiguration>
</file>

<file path=customXml/item9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4.xml><?xml version="1.0" encoding="utf-8"?>
<TemplafySlideFormConfiguration><![CDATA[{"formFields":[],"formDataEntries":[]}]]></TemplafySlideFormConfiguration>
</file>

<file path=customXml/item95.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6.xml><?xml version="1.0" encoding="utf-8"?>
<TemplafySlideFormConfiguration><![CDATA[{"formFields":[],"formDataEntries":[]}]]></TemplafySlideFormConfiguration>
</file>

<file path=customXml/item9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8.xml><?xml version="1.0" encoding="utf-8"?>
<TemplafySlideFormConfiguration><![CDATA[{"formFields":[],"formDataEntries":[]}]]></TemplafySlideFormConfiguration>
</file>

<file path=customXml/item99.xml><?xml version="1.0" encoding="utf-8"?>
<TemplafySlideFormConfiguration><![CDATA[{"formFields":[],"formDataEntries":[]}]]></TemplafySlideFormConfiguration>
</file>

<file path=customXml/itemProps1.xml><?xml version="1.0" encoding="utf-8"?>
<ds:datastoreItem xmlns:ds="http://schemas.openxmlformats.org/officeDocument/2006/customXml" ds:itemID="{99937F4D-FFF1-424D-8BB5-18A6DFA962B5}">
  <ds:schemaRefs/>
</ds:datastoreItem>
</file>

<file path=customXml/itemProps10.xml><?xml version="1.0" encoding="utf-8"?>
<ds:datastoreItem xmlns:ds="http://schemas.openxmlformats.org/officeDocument/2006/customXml" ds:itemID="{EA7EA460-FD12-4E79-97B0-29EF4A142BC5}">
  <ds:schemaRefs/>
</ds:datastoreItem>
</file>

<file path=customXml/itemProps100.xml><?xml version="1.0" encoding="utf-8"?>
<ds:datastoreItem xmlns:ds="http://schemas.openxmlformats.org/officeDocument/2006/customXml" ds:itemID="{4A2C9EC2-7B1C-45FA-8847-62780DB21D36}">
  <ds:schemaRefs/>
</ds:datastoreItem>
</file>

<file path=customXml/itemProps101.xml><?xml version="1.0" encoding="utf-8"?>
<ds:datastoreItem xmlns:ds="http://schemas.openxmlformats.org/officeDocument/2006/customXml" ds:itemID="{7AA891B1-8858-46FC-BA2A-24D4A975551B}">
  <ds:schemaRefs/>
</ds:datastoreItem>
</file>

<file path=customXml/itemProps102.xml><?xml version="1.0" encoding="utf-8"?>
<ds:datastoreItem xmlns:ds="http://schemas.openxmlformats.org/officeDocument/2006/customXml" ds:itemID="{767554B9-5841-42B7-9192-9E37AB1C9FD4}">
  <ds:schemaRefs/>
</ds:datastoreItem>
</file>

<file path=customXml/itemProps103.xml><?xml version="1.0" encoding="utf-8"?>
<ds:datastoreItem xmlns:ds="http://schemas.openxmlformats.org/officeDocument/2006/customXml" ds:itemID="{BB4E3ECC-B656-4246-B452-DE10FA58CD06}">
  <ds:schemaRefs/>
</ds:datastoreItem>
</file>

<file path=customXml/itemProps104.xml><?xml version="1.0" encoding="utf-8"?>
<ds:datastoreItem xmlns:ds="http://schemas.openxmlformats.org/officeDocument/2006/customXml" ds:itemID="{2F03F94F-8714-49D8-B0B4-52C550C6C2A6}">
  <ds:schemaRefs/>
</ds:datastoreItem>
</file>

<file path=customXml/itemProps105.xml><?xml version="1.0" encoding="utf-8"?>
<ds:datastoreItem xmlns:ds="http://schemas.openxmlformats.org/officeDocument/2006/customXml" ds:itemID="{11FAAC39-0A3A-4CC2-A9C1-60940B78AE17}">
  <ds:schemaRefs/>
</ds:datastoreItem>
</file>

<file path=customXml/itemProps106.xml><?xml version="1.0" encoding="utf-8"?>
<ds:datastoreItem xmlns:ds="http://schemas.openxmlformats.org/officeDocument/2006/customXml" ds:itemID="{3C890BBD-D198-43C0-A7C7-E5352E201A3D}">
  <ds:schemaRefs/>
</ds:datastoreItem>
</file>

<file path=customXml/itemProps107.xml><?xml version="1.0" encoding="utf-8"?>
<ds:datastoreItem xmlns:ds="http://schemas.openxmlformats.org/officeDocument/2006/customXml" ds:itemID="{CD9A29C4-6884-4A93-AE53-A69CC27A7A63}">
  <ds:schemaRefs/>
</ds:datastoreItem>
</file>

<file path=customXml/itemProps108.xml><?xml version="1.0" encoding="utf-8"?>
<ds:datastoreItem xmlns:ds="http://schemas.openxmlformats.org/officeDocument/2006/customXml" ds:itemID="{AA362DC3-D6D2-42DF-A4E7-A9927B2160E1}">
  <ds:schemaRefs/>
</ds:datastoreItem>
</file>

<file path=customXml/itemProps109.xml><?xml version="1.0" encoding="utf-8"?>
<ds:datastoreItem xmlns:ds="http://schemas.openxmlformats.org/officeDocument/2006/customXml" ds:itemID="{1DF17CFA-25EE-4999-9883-0B7D6022977B}">
  <ds:schemaRefs/>
</ds:datastoreItem>
</file>

<file path=customXml/itemProps11.xml><?xml version="1.0" encoding="utf-8"?>
<ds:datastoreItem xmlns:ds="http://schemas.openxmlformats.org/officeDocument/2006/customXml" ds:itemID="{E3D789E6-E409-41B3-9D12-062310FD31D8}">
  <ds:schemaRefs/>
</ds:datastoreItem>
</file>

<file path=customXml/itemProps110.xml><?xml version="1.0" encoding="utf-8"?>
<ds:datastoreItem xmlns:ds="http://schemas.openxmlformats.org/officeDocument/2006/customXml" ds:itemID="{F77928CC-BB06-4B1F-8C3F-9812D1B084BC}">
  <ds:schemaRefs/>
</ds:datastoreItem>
</file>

<file path=customXml/itemProps111.xml><?xml version="1.0" encoding="utf-8"?>
<ds:datastoreItem xmlns:ds="http://schemas.openxmlformats.org/officeDocument/2006/customXml" ds:itemID="{B283B45C-1869-47C4-BFD0-349A49ED05AA}">
  <ds:schemaRefs/>
</ds:datastoreItem>
</file>

<file path=customXml/itemProps112.xml><?xml version="1.0" encoding="utf-8"?>
<ds:datastoreItem xmlns:ds="http://schemas.openxmlformats.org/officeDocument/2006/customXml" ds:itemID="{92FB2813-DB58-4CE9-90D8-5C3382EBC5CE}">
  <ds:schemaRefs/>
</ds:datastoreItem>
</file>

<file path=customXml/itemProps113.xml><?xml version="1.0" encoding="utf-8"?>
<ds:datastoreItem xmlns:ds="http://schemas.openxmlformats.org/officeDocument/2006/customXml" ds:itemID="{A8C10F64-CA90-4EE6-B2C8-A13B579C5652}">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e9f7756-6776-4f12-a35d-9ad90a26e5d5"/>
    <ds:schemaRef ds:uri="d6765637-0a55-452e-9b7f-8600ea481fa2"/>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2.xml><?xml version="1.0" encoding="utf-8"?>
<ds:datastoreItem xmlns:ds="http://schemas.openxmlformats.org/officeDocument/2006/customXml" ds:itemID="{019ED44D-86DC-4419-AD89-F5A66C55F0F1}">
  <ds:schemaRefs/>
</ds:datastoreItem>
</file>

<file path=customXml/itemProps13.xml><?xml version="1.0" encoding="utf-8"?>
<ds:datastoreItem xmlns:ds="http://schemas.openxmlformats.org/officeDocument/2006/customXml" ds:itemID="{3AA86637-8A28-4EDB-9B29-79048DFCC06C}">
  <ds:schemaRefs/>
</ds:datastoreItem>
</file>

<file path=customXml/itemProps14.xml><?xml version="1.0" encoding="utf-8"?>
<ds:datastoreItem xmlns:ds="http://schemas.openxmlformats.org/officeDocument/2006/customXml" ds:itemID="{09CFB1AD-33CB-4A98-A444-2FE62284CCE6}">
  <ds:schemaRefs/>
</ds:datastoreItem>
</file>

<file path=customXml/itemProps15.xml><?xml version="1.0" encoding="utf-8"?>
<ds:datastoreItem xmlns:ds="http://schemas.openxmlformats.org/officeDocument/2006/customXml" ds:itemID="{9945261F-2F5A-4197-9561-5E250098AE14}">
  <ds:schemaRefs/>
</ds:datastoreItem>
</file>

<file path=customXml/itemProps16.xml><?xml version="1.0" encoding="utf-8"?>
<ds:datastoreItem xmlns:ds="http://schemas.openxmlformats.org/officeDocument/2006/customXml" ds:itemID="{280E32B5-1F41-429E-B100-2C00CDC17DE8}">
  <ds:schemaRefs/>
</ds:datastoreItem>
</file>

<file path=customXml/itemProps17.xml><?xml version="1.0" encoding="utf-8"?>
<ds:datastoreItem xmlns:ds="http://schemas.openxmlformats.org/officeDocument/2006/customXml" ds:itemID="{888A0C14-A633-4DCC-B8CE-5108D555D784}">
  <ds:schemaRefs>
    <ds:schemaRef ds:uri="http://schemas.microsoft.com/office/2006/documentManagement/types"/>
    <ds:schemaRef ds:uri="http://schemas.microsoft.com/office/infopath/2007/PartnerControls"/>
    <ds:schemaRef ds:uri="1e9f7756-6776-4f12-a35d-9ad90a26e5d5"/>
    <ds:schemaRef ds:uri="http://purl.org/dc/elements/1.1/"/>
    <ds:schemaRef ds:uri="http://schemas.microsoft.com/office/2006/metadata/properties"/>
    <ds:schemaRef ds:uri="http://purl.org/dc/terms/"/>
    <ds:schemaRef ds:uri="d6765637-0a55-452e-9b7f-8600ea481fa2"/>
    <ds:schemaRef ds:uri="http://schemas.openxmlformats.org/package/2006/metadata/core-properties"/>
    <ds:schemaRef ds:uri="http://www.w3.org/XML/1998/namespace"/>
    <ds:schemaRef ds:uri="http://purl.org/dc/dcmitype/"/>
  </ds:schemaRefs>
</ds:datastoreItem>
</file>

<file path=customXml/itemProps18.xml><?xml version="1.0" encoding="utf-8"?>
<ds:datastoreItem xmlns:ds="http://schemas.openxmlformats.org/officeDocument/2006/customXml" ds:itemID="{26167A7F-4B2F-4438-B91C-57902D1E3EDC}">
  <ds:schemaRefs/>
</ds:datastoreItem>
</file>

<file path=customXml/itemProps19.xml><?xml version="1.0" encoding="utf-8"?>
<ds:datastoreItem xmlns:ds="http://schemas.openxmlformats.org/officeDocument/2006/customXml" ds:itemID="{84709483-8F0E-4818-9EA4-822E3DCDBFA0}">
  <ds:schemaRefs/>
</ds:datastoreItem>
</file>

<file path=customXml/itemProps2.xml><?xml version="1.0" encoding="utf-8"?>
<ds:datastoreItem xmlns:ds="http://schemas.openxmlformats.org/officeDocument/2006/customXml" ds:itemID="{B61B0FC1-833A-4AEA-B5DA-1BC97DFB1CDD}">
  <ds:schemaRefs/>
</ds:datastoreItem>
</file>

<file path=customXml/itemProps20.xml><?xml version="1.0" encoding="utf-8"?>
<ds:datastoreItem xmlns:ds="http://schemas.openxmlformats.org/officeDocument/2006/customXml" ds:itemID="{5937527E-353B-4D53-9CB9-0148BB4B087C}">
  <ds:schemaRefs/>
</ds:datastoreItem>
</file>

<file path=customXml/itemProps21.xml><?xml version="1.0" encoding="utf-8"?>
<ds:datastoreItem xmlns:ds="http://schemas.openxmlformats.org/officeDocument/2006/customXml" ds:itemID="{591F2E57-49A3-44FA-B5F4-91309E096C3D}">
  <ds:schemaRefs/>
</ds:datastoreItem>
</file>

<file path=customXml/itemProps22.xml><?xml version="1.0" encoding="utf-8"?>
<ds:datastoreItem xmlns:ds="http://schemas.openxmlformats.org/officeDocument/2006/customXml" ds:itemID="{88F7148C-86C3-4079-826F-EAEC3F214E6B}">
  <ds:schemaRefs/>
</ds:datastoreItem>
</file>

<file path=customXml/itemProps23.xml><?xml version="1.0" encoding="utf-8"?>
<ds:datastoreItem xmlns:ds="http://schemas.openxmlformats.org/officeDocument/2006/customXml" ds:itemID="{5B5A4602-424D-461C-BA29-4963E76DE513}">
  <ds:schemaRefs/>
</ds:datastoreItem>
</file>

<file path=customXml/itemProps24.xml><?xml version="1.0" encoding="utf-8"?>
<ds:datastoreItem xmlns:ds="http://schemas.openxmlformats.org/officeDocument/2006/customXml" ds:itemID="{02E7CCCE-613B-4CED-B813-E473EA1E01B2}">
  <ds:schemaRefs/>
</ds:datastoreItem>
</file>

<file path=customXml/itemProps25.xml><?xml version="1.0" encoding="utf-8"?>
<ds:datastoreItem xmlns:ds="http://schemas.openxmlformats.org/officeDocument/2006/customXml" ds:itemID="{D147D2EC-5871-4604-B863-8B09D6BC33B8}">
  <ds:schemaRefs/>
</ds:datastoreItem>
</file>

<file path=customXml/itemProps26.xml><?xml version="1.0" encoding="utf-8"?>
<ds:datastoreItem xmlns:ds="http://schemas.openxmlformats.org/officeDocument/2006/customXml" ds:itemID="{EF7C4FE2-F2AA-4BE2-936B-67854EF8CA1A}">
  <ds:schemaRefs/>
</ds:datastoreItem>
</file>

<file path=customXml/itemProps27.xml><?xml version="1.0" encoding="utf-8"?>
<ds:datastoreItem xmlns:ds="http://schemas.openxmlformats.org/officeDocument/2006/customXml" ds:itemID="{A49A3A38-BFE8-47A7-83FC-CDAAA039C255}">
  <ds:schemaRefs/>
</ds:datastoreItem>
</file>

<file path=customXml/itemProps28.xml><?xml version="1.0" encoding="utf-8"?>
<ds:datastoreItem xmlns:ds="http://schemas.openxmlformats.org/officeDocument/2006/customXml" ds:itemID="{68F47869-7B3E-4D1F-B730-CC42BF35A652}">
  <ds:schemaRefs/>
</ds:datastoreItem>
</file>

<file path=customXml/itemProps29.xml><?xml version="1.0" encoding="utf-8"?>
<ds:datastoreItem xmlns:ds="http://schemas.openxmlformats.org/officeDocument/2006/customXml" ds:itemID="{29599A99-DB55-47B7-8759-96304BAD0901}">
  <ds:schemaRefs/>
</ds:datastoreItem>
</file>

<file path=customXml/itemProps3.xml><?xml version="1.0" encoding="utf-8"?>
<ds:datastoreItem xmlns:ds="http://schemas.openxmlformats.org/officeDocument/2006/customXml" ds:itemID="{2BEF0AC8-93E8-498D-A8AC-513F7F05BE75}">
  <ds:schemaRefs/>
</ds:datastoreItem>
</file>

<file path=customXml/itemProps30.xml><?xml version="1.0" encoding="utf-8"?>
<ds:datastoreItem xmlns:ds="http://schemas.openxmlformats.org/officeDocument/2006/customXml" ds:itemID="{32561364-9CE8-473D-B08D-1A99F70FF71B}">
  <ds:schemaRefs/>
</ds:datastoreItem>
</file>

<file path=customXml/itemProps31.xml><?xml version="1.0" encoding="utf-8"?>
<ds:datastoreItem xmlns:ds="http://schemas.openxmlformats.org/officeDocument/2006/customXml" ds:itemID="{F4C08C7F-F953-44DE-ACDE-930692BDDB0F}">
  <ds:schemaRefs/>
</ds:datastoreItem>
</file>

<file path=customXml/itemProps32.xml><?xml version="1.0" encoding="utf-8"?>
<ds:datastoreItem xmlns:ds="http://schemas.openxmlformats.org/officeDocument/2006/customXml" ds:itemID="{42436EA7-F862-44FC-AEBB-6A499ABFA1BE}">
  <ds:schemaRefs/>
</ds:datastoreItem>
</file>

<file path=customXml/itemProps33.xml><?xml version="1.0" encoding="utf-8"?>
<ds:datastoreItem xmlns:ds="http://schemas.openxmlformats.org/officeDocument/2006/customXml" ds:itemID="{33C700D9-DFD6-482A-B67A-D11A6666FA62}">
  <ds:schemaRefs/>
</ds:datastoreItem>
</file>

<file path=customXml/itemProps34.xml><?xml version="1.0" encoding="utf-8"?>
<ds:datastoreItem xmlns:ds="http://schemas.openxmlformats.org/officeDocument/2006/customXml" ds:itemID="{0D910CCC-E726-4410-86EA-CF8442781B5A}">
  <ds:schemaRefs/>
</ds:datastoreItem>
</file>

<file path=customXml/itemProps35.xml><?xml version="1.0" encoding="utf-8"?>
<ds:datastoreItem xmlns:ds="http://schemas.openxmlformats.org/officeDocument/2006/customXml" ds:itemID="{691E09C8-D614-4A9E-B45D-DDC2A6DC6DC4}">
  <ds:schemaRefs/>
</ds:datastoreItem>
</file>

<file path=customXml/itemProps36.xml><?xml version="1.0" encoding="utf-8"?>
<ds:datastoreItem xmlns:ds="http://schemas.openxmlformats.org/officeDocument/2006/customXml" ds:itemID="{9D6FE682-407D-4E7C-9B62-5BBF8F3FDBA7}">
  <ds:schemaRefs/>
</ds:datastoreItem>
</file>

<file path=customXml/itemProps37.xml><?xml version="1.0" encoding="utf-8"?>
<ds:datastoreItem xmlns:ds="http://schemas.openxmlformats.org/officeDocument/2006/customXml" ds:itemID="{DEE57631-D2BC-41CE-BAFF-3889F9A4FA54}">
  <ds:schemaRefs/>
</ds:datastoreItem>
</file>

<file path=customXml/itemProps38.xml><?xml version="1.0" encoding="utf-8"?>
<ds:datastoreItem xmlns:ds="http://schemas.openxmlformats.org/officeDocument/2006/customXml" ds:itemID="{2B5300D5-065A-495F-9873-E6D65A8F2ED2}">
  <ds:schemaRefs/>
</ds:datastoreItem>
</file>

<file path=customXml/itemProps39.xml><?xml version="1.0" encoding="utf-8"?>
<ds:datastoreItem xmlns:ds="http://schemas.openxmlformats.org/officeDocument/2006/customXml" ds:itemID="{1334258C-C3E7-4029-A615-C886A240FB15}">
  <ds:schemaRefs/>
</ds:datastoreItem>
</file>

<file path=customXml/itemProps4.xml><?xml version="1.0" encoding="utf-8"?>
<ds:datastoreItem xmlns:ds="http://schemas.openxmlformats.org/officeDocument/2006/customXml" ds:itemID="{32A88823-1FF1-492A-A159-0C0F01219886}">
  <ds:schemaRefs/>
</ds:datastoreItem>
</file>

<file path=customXml/itemProps40.xml><?xml version="1.0" encoding="utf-8"?>
<ds:datastoreItem xmlns:ds="http://schemas.openxmlformats.org/officeDocument/2006/customXml" ds:itemID="{9FAAD5E9-98D5-405A-AC7C-CF441D4DBDB0}">
  <ds:schemaRefs/>
</ds:datastoreItem>
</file>

<file path=customXml/itemProps41.xml><?xml version="1.0" encoding="utf-8"?>
<ds:datastoreItem xmlns:ds="http://schemas.openxmlformats.org/officeDocument/2006/customXml" ds:itemID="{8401E729-D09E-4200-9EE7-425598E390DD}">
  <ds:schemaRefs/>
</ds:datastoreItem>
</file>

<file path=customXml/itemProps42.xml><?xml version="1.0" encoding="utf-8"?>
<ds:datastoreItem xmlns:ds="http://schemas.openxmlformats.org/officeDocument/2006/customXml" ds:itemID="{CAE931FD-61B1-42F7-872E-E24B8AD1382A}">
  <ds:schemaRefs/>
</ds:datastoreItem>
</file>

<file path=customXml/itemProps43.xml><?xml version="1.0" encoding="utf-8"?>
<ds:datastoreItem xmlns:ds="http://schemas.openxmlformats.org/officeDocument/2006/customXml" ds:itemID="{D0CAE648-0F6E-473A-86A3-81525B78126B}">
  <ds:schemaRefs/>
</ds:datastoreItem>
</file>

<file path=customXml/itemProps44.xml><?xml version="1.0" encoding="utf-8"?>
<ds:datastoreItem xmlns:ds="http://schemas.openxmlformats.org/officeDocument/2006/customXml" ds:itemID="{7DF705B3-B92B-44F1-BEBC-93C35537CF56}">
  <ds:schemaRefs/>
</ds:datastoreItem>
</file>

<file path=customXml/itemProps45.xml><?xml version="1.0" encoding="utf-8"?>
<ds:datastoreItem xmlns:ds="http://schemas.openxmlformats.org/officeDocument/2006/customXml" ds:itemID="{7E01BAA5-175F-48AF-AE0E-F7FACF0F37F4}">
  <ds:schemaRefs/>
</ds:datastoreItem>
</file>

<file path=customXml/itemProps46.xml><?xml version="1.0" encoding="utf-8"?>
<ds:datastoreItem xmlns:ds="http://schemas.openxmlformats.org/officeDocument/2006/customXml" ds:itemID="{E6F94DC0-80C1-4180-BBAA-F1792F79D341}">
  <ds:schemaRefs/>
</ds:datastoreItem>
</file>

<file path=customXml/itemProps47.xml><?xml version="1.0" encoding="utf-8"?>
<ds:datastoreItem xmlns:ds="http://schemas.openxmlformats.org/officeDocument/2006/customXml" ds:itemID="{2C739FFE-5C4A-45C0-9DDA-92795D376D05}">
  <ds:schemaRefs/>
</ds:datastoreItem>
</file>

<file path=customXml/itemProps48.xml><?xml version="1.0" encoding="utf-8"?>
<ds:datastoreItem xmlns:ds="http://schemas.openxmlformats.org/officeDocument/2006/customXml" ds:itemID="{88C8FA05-E15C-4563-8407-729590BA8646}">
  <ds:schemaRefs/>
</ds:datastoreItem>
</file>

<file path=customXml/itemProps49.xml><?xml version="1.0" encoding="utf-8"?>
<ds:datastoreItem xmlns:ds="http://schemas.openxmlformats.org/officeDocument/2006/customXml" ds:itemID="{492966FF-B9B5-4AA3-AC73-0C37300F5E60}">
  <ds:schemaRefs/>
</ds:datastoreItem>
</file>

<file path=customXml/itemProps5.xml><?xml version="1.0" encoding="utf-8"?>
<ds:datastoreItem xmlns:ds="http://schemas.openxmlformats.org/officeDocument/2006/customXml" ds:itemID="{56C8BFB2-A911-4310-9D4A-421D773FAFA6}">
  <ds:schemaRefs/>
</ds:datastoreItem>
</file>

<file path=customXml/itemProps50.xml><?xml version="1.0" encoding="utf-8"?>
<ds:datastoreItem xmlns:ds="http://schemas.openxmlformats.org/officeDocument/2006/customXml" ds:itemID="{4D728DF3-F940-401F-8C84-574F3BFBBAB8}">
  <ds:schemaRefs/>
</ds:datastoreItem>
</file>

<file path=customXml/itemProps51.xml><?xml version="1.0" encoding="utf-8"?>
<ds:datastoreItem xmlns:ds="http://schemas.openxmlformats.org/officeDocument/2006/customXml" ds:itemID="{D771B94F-BD21-4F7F-9380-B0277B4F36ED}">
  <ds:schemaRefs/>
</ds:datastoreItem>
</file>

<file path=customXml/itemProps52.xml><?xml version="1.0" encoding="utf-8"?>
<ds:datastoreItem xmlns:ds="http://schemas.openxmlformats.org/officeDocument/2006/customXml" ds:itemID="{00C0B7B2-7B76-44AD-8F18-BB9588229256}">
  <ds:schemaRefs/>
</ds:datastoreItem>
</file>

<file path=customXml/itemProps53.xml><?xml version="1.0" encoding="utf-8"?>
<ds:datastoreItem xmlns:ds="http://schemas.openxmlformats.org/officeDocument/2006/customXml" ds:itemID="{7E2EE8B2-5D44-46FB-B67A-F4D5636AD533}">
  <ds:schemaRefs/>
</ds:datastoreItem>
</file>

<file path=customXml/itemProps54.xml><?xml version="1.0" encoding="utf-8"?>
<ds:datastoreItem xmlns:ds="http://schemas.openxmlformats.org/officeDocument/2006/customXml" ds:itemID="{4797EDAF-E595-4196-8BA3-734FBB910976}">
  <ds:schemaRefs/>
</ds:datastoreItem>
</file>

<file path=customXml/itemProps55.xml><?xml version="1.0" encoding="utf-8"?>
<ds:datastoreItem xmlns:ds="http://schemas.openxmlformats.org/officeDocument/2006/customXml" ds:itemID="{05DC2B94-7C1B-4C14-83B0-9CD2A82C27E0}">
  <ds:schemaRefs/>
</ds:datastoreItem>
</file>

<file path=customXml/itemProps56.xml><?xml version="1.0" encoding="utf-8"?>
<ds:datastoreItem xmlns:ds="http://schemas.openxmlformats.org/officeDocument/2006/customXml" ds:itemID="{7DE6F0D4-CDA2-443B-9EB3-99EC030536C5}">
  <ds:schemaRefs/>
</ds:datastoreItem>
</file>

<file path=customXml/itemProps57.xml><?xml version="1.0" encoding="utf-8"?>
<ds:datastoreItem xmlns:ds="http://schemas.openxmlformats.org/officeDocument/2006/customXml" ds:itemID="{BDABE98A-E884-428A-99A1-F1D639101286}">
  <ds:schemaRefs/>
</ds:datastoreItem>
</file>

<file path=customXml/itemProps58.xml><?xml version="1.0" encoding="utf-8"?>
<ds:datastoreItem xmlns:ds="http://schemas.openxmlformats.org/officeDocument/2006/customXml" ds:itemID="{1B669FD9-A393-490B-83CE-973F80E93FCF}">
  <ds:schemaRefs/>
</ds:datastoreItem>
</file>

<file path=customXml/itemProps59.xml><?xml version="1.0" encoding="utf-8"?>
<ds:datastoreItem xmlns:ds="http://schemas.openxmlformats.org/officeDocument/2006/customXml" ds:itemID="{7F0C5636-2FBC-48A0-AD09-102BCABDE014}">
  <ds:schemaRefs/>
</ds:datastoreItem>
</file>

<file path=customXml/itemProps6.xml><?xml version="1.0" encoding="utf-8"?>
<ds:datastoreItem xmlns:ds="http://schemas.openxmlformats.org/officeDocument/2006/customXml" ds:itemID="{115C7A7E-3AB5-46AC-9069-8D490A711438}">
  <ds:schemaRefs/>
</ds:datastoreItem>
</file>

<file path=customXml/itemProps60.xml><?xml version="1.0" encoding="utf-8"?>
<ds:datastoreItem xmlns:ds="http://schemas.openxmlformats.org/officeDocument/2006/customXml" ds:itemID="{0ED4EB6A-1F23-4FC7-8E7E-345B59AA481E}">
  <ds:schemaRefs/>
</ds:datastoreItem>
</file>

<file path=customXml/itemProps61.xml><?xml version="1.0" encoding="utf-8"?>
<ds:datastoreItem xmlns:ds="http://schemas.openxmlformats.org/officeDocument/2006/customXml" ds:itemID="{D741F119-149E-42C0-ABD8-960D0F3A82E1}">
  <ds:schemaRefs/>
</ds:datastoreItem>
</file>

<file path=customXml/itemProps62.xml><?xml version="1.0" encoding="utf-8"?>
<ds:datastoreItem xmlns:ds="http://schemas.openxmlformats.org/officeDocument/2006/customXml" ds:itemID="{94686E04-1CBE-4231-9011-FDC85F2E5EDC}">
  <ds:schemaRefs/>
</ds:datastoreItem>
</file>

<file path=customXml/itemProps63.xml><?xml version="1.0" encoding="utf-8"?>
<ds:datastoreItem xmlns:ds="http://schemas.openxmlformats.org/officeDocument/2006/customXml" ds:itemID="{2A4E1474-2CF7-4394-B1FB-FD9D322B8D97}">
  <ds:schemaRefs/>
</ds:datastoreItem>
</file>

<file path=customXml/itemProps64.xml><?xml version="1.0" encoding="utf-8"?>
<ds:datastoreItem xmlns:ds="http://schemas.openxmlformats.org/officeDocument/2006/customXml" ds:itemID="{AE6AF9C2-CDF2-4F9F-9648-70C2E66203C1}">
  <ds:schemaRefs/>
</ds:datastoreItem>
</file>

<file path=customXml/itemProps65.xml><?xml version="1.0" encoding="utf-8"?>
<ds:datastoreItem xmlns:ds="http://schemas.openxmlformats.org/officeDocument/2006/customXml" ds:itemID="{7EE2D077-C633-42A4-BFDB-EA21F3956902}">
  <ds:schemaRefs/>
</ds:datastoreItem>
</file>

<file path=customXml/itemProps66.xml><?xml version="1.0" encoding="utf-8"?>
<ds:datastoreItem xmlns:ds="http://schemas.openxmlformats.org/officeDocument/2006/customXml" ds:itemID="{666A4C95-DFC5-4FEB-BF7B-214E9E3A99F9}">
  <ds:schemaRefs/>
</ds:datastoreItem>
</file>

<file path=customXml/itemProps67.xml><?xml version="1.0" encoding="utf-8"?>
<ds:datastoreItem xmlns:ds="http://schemas.openxmlformats.org/officeDocument/2006/customXml" ds:itemID="{CB0F1261-E48D-49CC-98FE-74965A4B95F2}">
  <ds:schemaRefs/>
</ds:datastoreItem>
</file>

<file path=customXml/itemProps68.xml><?xml version="1.0" encoding="utf-8"?>
<ds:datastoreItem xmlns:ds="http://schemas.openxmlformats.org/officeDocument/2006/customXml" ds:itemID="{A42DA0C4-5649-47B7-8BD0-05677BA6B617}">
  <ds:schemaRefs/>
</ds:datastoreItem>
</file>

<file path=customXml/itemProps69.xml><?xml version="1.0" encoding="utf-8"?>
<ds:datastoreItem xmlns:ds="http://schemas.openxmlformats.org/officeDocument/2006/customXml" ds:itemID="{9B97A07C-5273-405E-826B-802467CB33BA}">
  <ds:schemaRefs/>
</ds:datastoreItem>
</file>

<file path=customXml/itemProps7.xml><?xml version="1.0" encoding="utf-8"?>
<ds:datastoreItem xmlns:ds="http://schemas.openxmlformats.org/officeDocument/2006/customXml" ds:itemID="{20560663-D439-4931-8705-89CF06E06465}">
  <ds:schemaRefs>
    <ds:schemaRef ds:uri="http://schemas.microsoft.com/sharepoint/v3/contenttype/forms"/>
  </ds:schemaRefs>
</ds:datastoreItem>
</file>

<file path=customXml/itemProps70.xml><?xml version="1.0" encoding="utf-8"?>
<ds:datastoreItem xmlns:ds="http://schemas.openxmlformats.org/officeDocument/2006/customXml" ds:itemID="{66FEE5F8-D70F-406C-BFB0-EB1612B1E4C3}">
  <ds:schemaRefs/>
</ds:datastoreItem>
</file>

<file path=customXml/itemProps71.xml><?xml version="1.0" encoding="utf-8"?>
<ds:datastoreItem xmlns:ds="http://schemas.openxmlformats.org/officeDocument/2006/customXml" ds:itemID="{FD0C3396-D672-4DC8-812D-06A56E43FC02}">
  <ds:schemaRefs/>
</ds:datastoreItem>
</file>

<file path=customXml/itemProps72.xml><?xml version="1.0" encoding="utf-8"?>
<ds:datastoreItem xmlns:ds="http://schemas.openxmlformats.org/officeDocument/2006/customXml" ds:itemID="{EB61341D-6190-4A1B-A565-0FA2BEB515C6}">
  <ds:schemaRefs/>
</ds:datastoreItem>
</file>

<file path=customXml/itemProps73.xml><?xml version="1.0" encoding="utf-8"?>
<ds:datastoreItem xmlns:ds="http://schemas.openxmlformats.org/officeDocument/2006/customXml" ds:itemID="{4E9DDD32-7AF9-4CBF-A3D6-5B264950A375}">
  <ds:schemaRefs/>
</ds:datastoreItem>
</file>

<file path=customXml/itemProps74.xml><?xml version="1.0" encoding="utf-8"?>
<ds:datastoreItem xmlns:ds="http://schemas.openxmlformats.org/officeDocument/2006/customXml" ds:itemID="{F1EFF111-2FDA-4346-BA40-A72CDAAAAB7F}">
  <ds:schemaRefs/>
</ds:datastoreItem>
</file>

<file path=customXml/itemProps75.xml><?xml version="1.0" encoding="utf-8"?>
<ds:datastoreItem xmlns:ds="http://schemas.openxmlformats.org/officeDocument/2006/customXml" ds:itemID="{3BB7D297-2870-4BB1-AB2D-04024C21B984}">
  <ds:schemaRefs/>
</ds:datastoreItem>
</file>

<file path=customXml/itemProps76.xml><?xml version="1.0" encoding="utf-8"?>
<ds:datastoreItem xmlns:ds="http://schemas.openxmlformats.org/officeDocument/2006/customXml" ds:itemID="{3B6EE893-AE0C-494F-9A69-32488EC5DFDF}">
  <ds:schemaRefs/>
</ds:datastoreItem>
</file>

<file path=customXml/itemProps77.xml><?xml version="1.0" encoding="utf-8"?>
<ds:datastoreItem xmlns:ds="http://schemas.openxmlformats.org/officeDocument/2006/customXml" ds:itemID="{9810AD10-F24E-4E5B-882C-079C8DC7F1B0}">
  <ds:schemaRefs/>
</ds:datastoreItem>
</file>

<file path=customXml/itemProps78.xml><?xml version="1.0" encoding="utf-8"?>
<ds:datastoreItem xmlns:ds="http://schemas.openxmlformats.org/officeDocument/2006/customXml" ds:itemID="{55B28768-F061-4CF6-A2B1-9D864B68AF78}">
  <ds:schemaRefs/>
</ds:datastoreItem>
</file>

<file path=customXml/itemProps79.xml><?xml version="1.0" encoding="utf-8"?>
<ds:datastoreItem xmlns:ds="http://schemas.openxmlformats.org/officeDocument/2006/customXml" ds:itemID="{9DA30055-9BC1-477F-8C27-46858072579B}">
  <ds:schemaRefs/>
</ds:datastoreItem>
</file>

<file path=customXml/itemProps8.xml><?xml version="1.0" encoding="utf-8"?>
<ds:datastoreItem xmlns:ds="http://schemas.openxmlformats.org/officeDocument/2006/customXml" ds:itemID="{2D4FD822-569D-4377-83AF-77C6CD17611B}">
  <ds:schemaRefs/>
</ds:datastoreItem>
</file>

<file path=customXml/itemProps80.xml><?xml version="1.0" encoding="utf-8"?>
<ds:datastoreItem xmlns:ds="http://schemas.openxmlformats.org/officeDocument/2006/customXml" ds:itemID="{C0D8838B-CBD9-4201-B1F7-4C49D88CA47E}">
  <ds:schemaRefs/>
</ds:datastoreItem>
</file>

<file path=customXml/itemProps81.xml><?xml version="1.0" encoding="utf-8"?>
<ds:datastoreItem xmlns:ds="http://schemas.openxmlformats.org/officeDocument/2006/customXml" ds:itemID="{E94D9BD3-F1BD-463B-8848-ACB7784DE186}">
  <ds:schemaRefs/>
</ds:datastoreItem>
</file>

<file path=customXml/itemProps82.xml><?xml version="1.0" encoding="utf-8"?>
<ds:datastoreItem xmlns:ds="http://schemas.openxmlformats.org/officeDocument/2006/customXml" ds:itemID="{6CB43B24-4781-40CA-A7EF-9AC1B312B841}">
  <ds:schemaRefs/>
</ds:datastoreItem>
</file>

<file path=customXml/itemProps83.xml><?xml version="1.0" encoding="utf-8"?>
<ds:datastoreItem xmlns:ds="http://schemas.openxmlformats.org/officeDocument/2006/customXml" ds:itemID="{6CCBE882-22B9-4E48-B8FF-414DCC04C86D}">
  <ds:schemaRefs/>
</ds:datastoreItem>
</file>

<file path=customXml/itemProps84.xml><?xml version="1.0" encoding="utf-8"?>
<ds:datastoreItem xmlns:ds="http://schemas.openxmlformats.org/officeDocument/2006/customXml" ds:itemID="{F760B250-4719-4283-846F-5F13F11D4338}">
  <ds:schemaRefs/>
</ds:datastoreItem>
</file>

<file path=customXml/itemProps85.xml><?xml version="1.0" encoding="utf-8"?>
<ds:datastoreItem xmlns:ds="http://schemas.openxmlformats.org/officeDocument/2006/customXml" ds:itemID="{97AF8E27-4966-414D-B5F6-0AF51A0A6817}">
  <ds:schemaRefs/>
</ds:datastoreItem>
</file>

<file path=customXml/itemProps86.xml><?xml version="1.0" encoding="utf-8"?>
<ds:datastoreItem xmlns:ds="http://schemas.openxmlformats.org/officeDocument/2006/customXml" ds:itemID="{C622F57C-CE7C-4947-A0A5-CDBE47FFA739}">
  <ds:schemaRefs/>
</ds:datastoreItem>
</file>

<file path=customXml/itemProps87.xml><?xml version="1.0" encoding="utf-8"?>
<ds:datastoreItem xmlns:ds="http://schemas.openxmlformats.org/officeDocument/2006/customXml" ds:itemID="{9B23197C-C0FE-4957-87FB-2C59F2A15B59}">
  <ds:schemaRefs/>
</ds:datastoreItem>
</file>

<file path=customXml/itemProps88.xml><?xml version="1.0" encoding="utf-8"?>
<ds:datastoreItem xmlns:ds="http://schemas.openxmlformats.org/officeDocument/2006/customXml" ds:itemID="{E6E4C62A-E8BF-4CE0-A3F0-58DBC93893AC}">
  <ds:schemaRefs/>
</ds:datastoreItem>
</file>

<file path=customXml/itemProps89.xml><?xml version="1.0" encoding="utf-8"?>
<ds:datastoreItem xmlns:ds="http://schemas.openxmlformats.org/officeDocument/2006/customXml" ds:itemID="{6EEC5672-3860-42AF-9685-EC4B5FF896AD}">
  <ds:schemaRefs/>
</ds:datastoreItem>
</file>

<file path=customXml/itemProps9.xml><?xml version="1.0" encoding="utf-8"?>
<ds:datastoreItem xmlns:ds="http://schemas.openxmlformats.org/officeDocument/2006/customXml" ds:itemID="{6F624880-9DB8-4545-8C8B-439C0E0E8C7E}">
  <ds:schemaRefs/>
</ds:datastoreItem>
</file>

<file path=customXml/itemProps90.xml><?xml version="1.0" encoding="utf-8"?>
<ds:datastoreItem xmlns:ds="http://schemas.openxmlformats.org/officeDocument/2006/customXml" ds:itemID="{2019DA0A-2C63-4109-90E0-8844FCA4F4C7}">
  <ds:schemaRefs/>
</ds:datastoreItem>
</file>

<file path=customXml/itemProps91.xml><?xml version="1.0" encoding="utf-8"?>
<ds:datastoreItem xmlns:ds="http://schemas.openxmlformats.org/officeDocument/2006/customXml" ds:itemID="{B927291B-52DE-49B8-87AD-5E4EDFDCA02E}">
  <ds:schemaRefs/>
</ds:datastoreItem>
</file>

<file path=customXml/itemProps92.xml><?xml version="1.0" encoding="utf-8"?>
<ds:datastoreItem xmlns:ds="http://schemas.openxmlformats.org/officeDocument/2006/customXml" ds:itemID="{6200470E-6863-459A-B33F-26AC3BDAEB2E}">
  <ds:schemaRefs/>
</ds:datastoreItem>
</file>

<file path=customXml/itemProps93.xml><?xml version="1.0" encoding="utf-8"?>
<ds:datastoreItem xmlns:ds="http://schemas.openxmlformats.org/officeDocument/2006/customXml" ds:itemID="{1C721177-C2D5-4554-A48A-1C039FAC0421}">
  <ds:schemaRefs/>
</ds:datastoreItem>
</file>

<file path=customXml/itemProps94.xml><?xml version="1.0" encoding="utf-8"?>
<ds:datastoreItem xmlns:ds="http://schemas.openxmlformats.org/officeDocument/2006/customXml" ds:itemID="{7A25462B-5E1E-4814-BE29-4B415D8157E7}">
  <ds:schemaRefs/>
</ds:datastoreItem>
</file>

<file path=customXml/itemProps95.xml><?xml version="1.0" encoding="utf-8"?>
<ds:datastoreItem xmlns:ds="http://schemas.openxmlformats.org/officeDocument/2006/customXml" ds:itemID="{94AC1D46-54DC-4388-A35D-EAABCBA71823}">
  <ds:schemaRefs/>
</ds:datastoreItem>
</file>

<file path=customXml/itemProps96.xml><?xml version="1.0" encoding="utf-8"?>
<ds:datastoreItem xmlns:ds="http://schemas.openxmlformats.org/officeDocument/2006/customXml" ds:itemID="{722472A2-FFE3-471D-A964-E636A17CCC6E}">
  <ds:schemaRefs/>
</ds:datastoreItem>
</file>

<file path=customXml/itemProps97.xml><?xml version="1.0" encoding="utf-8"?>
<ds:datastoreItem xmlns:ds="http://schemas.openxmlformats.org/officeDocument/2006/customXml" ds:itemID="{62DDB4D2-FD01-46B6-90BE-2F40160DD5F1}">
  <ds:schemaRefs/>
</ds:datastoreItem>
</file>

<file path=customXml/itemProps98.xml><?xml version="1.0" encoding="utf-8"?>
<ds:datastoreItem xmlns:ds="http://schemas.openxmlformats.org/officeDocument/2006/customXml" ds:itemID="{26DA54BD-9E0D-4BFD-BC38-81675718FFC0}">
  <ds:schemaRefs/>
</ds:datastoreItem>
</file>

<file path=customXml/itemProps99.xml><?xml version="1.0" encoding="utf-8"?>
<ds:datastoreItem xmlns:ds="http://schemas.openxmlformats.org/officeDocument/2006/customXml" ds:itemID="{B4179488-90E0-49EC-A3B7-5427786A1393}">
  <ds:schemaRefs/>
</ds:datastoreItem>
</file>

<file path=docProps/app.xml><?xml version="1.0" encoding="utf-8"?>
<Properties xmlns="http://schemas.openxmlformats.org/officeDocument/2006/extended-properties" xmlns:vt="http://schemas.openxmlformats.org/officeDocument/2006/docPropsVTypes">
  <Template>blank</Template>
  <TotalTime>289</TotalTime>
  <Words>3289</Words>
  <Application>Microsoft Office PowerPoint</Application>
  <PresentationFormat>Custom</PresentationFormat>
  <Paragraphs>871</Paragraphs>
  <Slides>44</Slides>
  <Notes>3</Notes>
  <HiddenSlides>0</HiddenSlides>
  <MMClips>0</MMClips>
  <ScaleCrop>false</ScaleCrop>
  <HeadingPairs>
    <vt:vector size="6" baseType="variant">
      <vt:variant>
        <vt:lpstr>Fonts Used</vt:lpstr>
      </vt:variant>
      <vt:variant>
        <vt:i4>6</vt:i4>
      </vt:variant>
      <vt:variant>
        <vt:lpstr>Theme</vt:lpstr>
      </vt:variant>
      <vt:variant>
        <vt:i4>2</vt:i4>
      </vt:variant>
      <vt:variant>
        <vt:lpstr>Slide Titles</vt:lpstr>
      </vt:variant>
      <vt:variant>
        <vt:i4>44</vt:i4>
      </vt:variant>
    </vt:vector>
  </HeadingPairs>
  <TitlesOfParts>
    <vt:vector size="52" baseType="lpstr">
      <vt:lpstr>ＭＳ Ｐゴシック</vt:lpstr>
      <vt:lpstr>Arial</vt:lpstr>
      <vt:lpstr>Helvetica</vt:lpstr>
      <vt:lpstr>inherit</vt:lpstr>
      <vt:lpstr>Tahoma</vt:lpstr>
      <vt:lpstr>Verdana</vt:lpstr>
      <vt:lpstr>Blank</vt:lpstr>
      <vt:lpstr>ECDC_PowerPoint_Template_2017-2</vt:lpstr>
      <vt:lpstr>Annotation and AMR</vt:lpstr>
      <vt:lpstr>Subjects this morning</vt:lpstr>
      <vt:lpstr>Example of workflow</vt:lpstr>
      <vt:lpstr>Example of workflow</vt:lpstr>
      <vt:lpstr>Annotation</vt:lpstr>
      <vt:lpstr>Full genome annotation</vt:lpstr>
      <vt:lpstr>Data is everything</vt:lpstr>
      <vt:lpstr>Data is everything</vt:lpstr>
      <vt:lpstr>Prediction of species</vt:lpstr>
      <vt:lpstr>Prediction of species - Kmerfinder</vt:lpstr>
      <vt:lpstr>k-mers</vt:lpstr>
      <vt:lpstr>k-mers</vt:lpstr>
      <vt:lpstr>k-mers</vt:lpstr>
      <vt:lpstr>k-mers</vt:lpstr>
      <vt:lpstr>Species prediction with k-mers</vt:lpstr>
      <vt:lpstr>Species prediction with KmerFinder</vt:lpstr>
      <vt:lpstr>Species prediction with KmerFinder</vt:lpstr>
      <vt:lpstr>k-mer alignment (KMA)</vt:lpstr>
      <vt:lpstr>KmerFinder webtool</vt:lpstr>
      <vt:lpstr>Kmer webtool output</vt:lpstr>
      <vt:lpstr>Kmer webtool output</vt:lpstr>
      <vt:lpstr>Kmer webtool output</vt:lpstr>
      <vt:lpstr>Kmer webtool output</vt:lpstr>
      <vt:lpstr>Kmer webtool output</vt:lpstr>
      <vt:lpstr>Functional annotation AMR</vt:lpstr>
      <vt:lpstr>Genetic basis of AMR </vt:lpstr>
      <vt:lpstr>Genetic basis of AMR </vt:lpstr>
      <vt:lpstr>AMR tools and databases</vt:lpstr>
      <vt:lpstr>PowerPoint Presentation</vt:lpstr>
      <vt:lpstr>PowerPoint Presentation</vt:lpstr>
      <vt:lpstr>PowerPoint Presentation</vt:lpstr>
      <vt:lpstr>PowerPoint Presentation</vt:lpstr>
      <vt:lpstr>PowerPoint Presentation</vt:lpstr>
      <vt:lpstr>Differences in output example</vt:lpstr>
      <vt:lpstr>Resfinder</vt:lpstr>
      <vt:lpstr>Resfinder</vt:lpstr>
      <vt:lpstr>Resfinder</vt:lpstr>
      <vt:lpstr>Resfinder</vt:lpstr>
      <vt:lpstr>Resfinder</vt:lpstr>
      <vt:lpstr>Resfinder</vt:lpstr>
      <vt:lpstr>ID and COV</vt:lpstr>
      <vt:lpstr>Note on databases</vt:lpstr>
      <vt:lpstr>Acknowledgements </vt:lpstr>
      <vt:lpstr>References</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Annotation and AMR</dc:title>
  <dc:creator>Lauge Holm Sørensen</dc:creator>
  <cp:lastModifiedBy>Lauge Holm Sørensen</cp:lastModifiedBy>
  <cp:revision>182</cp:revision>
  <dcterms:created xsi:type="dcterms:W3CDTF">2023-04-27T07:52:34Z</dcterms:created>
  <dcterms:modified xsi:type="dcterms:W3CDTF">2023-09-13T07:59:1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y fmtid="{D5CDD505-2E9C-101B-9397-08002B2CF9AE}" pid="7" name="ContentTypeId">
    <vt:lpwstr>0x01010040FC9AD8B277B54AA71C087203AAFD43</vt:lpwstr>
  </property>
  <property fmtid="{D5CDD505-2E9C-101B-9397-08002B2CF9AE}" pid="8" name="MediaServiceImageTags">
    <vt:lpwstr/>
  </property>
</Properties>
</file>